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/>
  <mc:AlternateContent xmlns:mc="http://schemas.openxmlformats.org/markup-compatibility/2006">
    <mc:Choice Requires="x15">
      <x15ac:absPath xmlns:x15ac="http://schemas.microsoft.com/office/spreadsheetml/2010/11/ac" url="C:\Users\s6105399\Desktop\"/>
    </mc:Choice>
  </mc:AlternateContent>
  <bookViews>
    <workbookView xWindow="0" yWindow="0" windowWidth="20385" windowHeight="8385" firstSheet="1" activeTab="7"/>
  </bookViews>
  <sheets>
    <sheet name="11月19日" sheetId="12" r:id="rId1"/>
    <sheet name="11月26日" sheetId="21" r:id="rId2"/>
    <sheet name="12月3日" sheetId="14" r:id="rId3"/>
    <sheet name="12月18日 " sheetId="15" r:id="rId4"/>
    <sheet name="1月7日 " sheetId="16" r:id="rId5"/>
    <sheet name="2月4日 " sheetId="17" r:id="rId6"/>
    <sheet name="2月19日 " sheetId="18" r:id="rId7"/>
    <sheet name="2月26日 " sheetId="19" r:id="rId8"/>
  </sheets>
  <calcPr calcId="144525"/>
</workbook>
</file>

<file path=xl/sharedStrings.xml><?xml version="1.0" encoding="utf-8"?>
<sst xmlns="http://schemas.openxmlformats.org/spreadsheetml/2006/main" count="440" uniqueCount="30">
  <si>
    <t>（様式Ｂ）</t>
  </si>
  <si>
    <t>体調・行動履歴記録表</t>
  </si>
  <si>
    <t>所属（　　　　　　　　　　　　　　）　　氏名　（　　　　　　　　　　　　　　　）</t>
  </si>
  <si>
    <t>月日</t>
  </si>
  <si>
    <t>曜日</t>
  </si>
  <si>
    <t>体温</t>
  </si>
  <si>
    <r>
      <rPr>
        <sz val="10"/>
        <color theme="1"/>
        <rFont val="ＭＳ ゴシック"/>
        <charset val="128"/>
      </rPr>
      <t>体調について（各項目の□に✔をすること</t>
    </r>
    <r>
      <rPr>
        <sz val="11"/>
        <color theme="1"/>
        <rFont val="ＭＳ ゴシック"/>
        <charset val="128"/>
      </rPr>
      <t>）</t>
    </r>
  </si>
  <si>
    <t>行先</t>
  </si>
  <si>
    <t>滞在期間</t>
  </si>
  <si>
    <t>接触者</t>
  </si>
  <si>
    <t>土</t>
  </si>
  <si>
    <t>℃</t>
  </si>
  <si>
    <t>□せき、のどなどの痛みなど風邪の症状はない</t>
  </si>
  <si>
    <t>□体のだるさ、息苦しさはない</t>
  </si>
  <si>
    <t>□味覚や嗅覚（きゅうかく）の異常はない</t>
  </si>
  <si>
    <t>日</t>
  </si>
  <si>
    <t>月</t>
  </si>
  <si>
    <t>火</t>
  </si>
  <si>
    <t>水</t>
  </si>
  <si>
    <t>木</t>
  </si>
  <si>
    <t>金</t>
  </si>
  <si>
    <t>当日</t>
  </si>
  <si>
    <t xml:space="preserve">  </t>
  </si>
  <si>
    <t>※　罹患者が発生した場合，本人が発症２日前から現時点での行動歴を明らかにすることが重要です。</t>
  </si>
  <si>
    <t>　　練習会に関わる全ての方は練習会開催１週間前から体温、体調、行動履歴を記録してください。</t>
    <rPh sb="2" eb="4">
      <t>レンシュウ</t>
    </rPh>
    <rPh sb="4" eb="5">
      <t>カイ</t>
    </rPh>
    <rPh sb="14" eb="16">
      <t>レンシュウ</t>
    </rPh>
    <rPh sb="20" eb="22">
      <t>シュウカン</t>
    </rPh>
    <phoneticPr fontId="7"/>
  </si>
  <si>
    <t>※　練習会終了後，２週間程度は主催者で保管し、その後責任を持って破棄します。</t>
    <rPh sb="2" eb="4">
      <t>レンシュウ</t>
    </rPh>
    <rPh sb="4" eb="5">
      <t>カイ</t>
    </rPh>
    <rPh sb="15" eb="18">
      <t>シュサイシャ</t>
    </rPh>
    <rPh sb="25" eb="26">
      <t>ゴ</t>
    </rPh>
    <rPh sb="26" eb="28">
      <t>セキニン</t>
    </rPh>
    <rPh sb="29" eb="30">
      <t>モ</t>
    </rPh>
    <rPh sb="32" eb="34">
      <t>ハキ</t>
    </rPh>
    <phoneticPr fontId="7"/>
  </si>
  <si>
    <t>日</t>
    <rPh sb="0" eb="1">
      <t>ヒ</t>
    </rPh>
    <phoneticPr fontId="7"/>
  </si>
  <si>
    <t>土</t>
    <phoneticPr fontId="7"/>
  </si>
  <si>
    <t>□せき、のどなどの痛みなど風邪の症状はない</t>
    <phoneticPr fontId="7"/>
  </si>
  <si>
    <t>日</t>
    <rPh sb="0" eb="1">
      <t>ニチ</t>
    </rPh>
    <phoneticPr fontId="7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8" x14ac:knownFonts="1">
    <font>
      <sz val="11"/>
      <color theme="1"/>
      <name val="游ゴシック"/>
      <charset val="128"/>
      <scheme val="minor"/>
    </font>
    <font>
      <sz val="18"/>
      <color theme="1"/>
      <name val="ＭＳ ゴシック"/>
      <charset val="128"/>
    </font>
    <font>
      <sz val="11"/>
      <color theme="1"/>
      <name val="ＭＳ ゴシック"/>
      <charset val="128"/>
    </font>
    <font>
      <sz val="10"/>
      <color theme="1"/>
      <name val="ＭＳ ゴシック"/>
      <charset val="128"/>
    </font>
    <font>
      <sz val="16"/>
      <color theme="1"/>
      <name val="ＭＳ ゴシック"/>
      <charset val="128"/>
    </font>
    <font>
      <sz val="11"/>
      <color theme="1"/>
      <name val="Century"/>
      <family val="1"/>
    </font>
    <font>
      <b/>
      <sz val="14"/>
      <color theme="1"/>
      <name val="游ゴシック"/>
      <charset val="128"/>
      <scheme val="minor"/>
    </font>
    <font>
      <sz val="6"/>
      <name val="游ゴシック"/>
      <charset val="128"/>
      <scheme val="minor"/>
    </font>
  </fonts>
  <fills count="2">
    <fill>
      <patternFill patternType="none"/>
    </fill>
    <fill>
      <patternFill patternType="gray125"/>
    </fill>
  </fills>
  <borders count="7">
    <border>
      <left/>
      <right/>
      <top/>
      <bottom/>
      <diagonal/>
    </border>
    <border>
      <left style="medium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medium">
        <color auto="1"/>
      </bottom>
      <diagonal/>
    </border>
  </borders>
  <cellStyleXfs count="1">
    <xf numFmtId="0" fontId="0" fillId="0" borderId="0">
      <alignment vertical="center"/>
    </xf>
  </cellStyleXfs>
  <cellXfs count="28">
    <xf numFmtId="0" fontId="0" fillId="0" borderId="0" xfId="0">
      <alignment vertical="center"/>
    </xf>
    <xf numFmtId="0" fontId="2" fillId="0" borderId="0" xfId="0" applyFont="1" applyAlignment="1">
      <alignment vertical="center"/>
    </xf>
    <xf numFmtId="0" fontId="2" fillId="0" borderId="1" xfId="0" applyFont="1" applyBorder="1" applyAlignment="1">
      <alignment horizontal="center" vertical="center" wrapText="1"/>
    </xf>
    <xf numFmtId="0" fontId="2" fillId="0" borderId="2" xfId="0" applyFont="1" applyBorder="1" applyAlignment="1">
      <alignment horizontal="center" vertical="center" wrapText="1"/>
    </xf>
    <xf numFmtId="0" fontId="3" fillId="0" borderId="2" xfId="0" applyFont="1" applyBorder="1" applyAlignment="1">
      <alignment horizontal="center" vertical="center" wrapText="1"/>
    </xf>
    <xf numFmtId="0" fontId="3" fillId="0" borderId="3" xfId="0" applyFont="1" applyBorder="1" applyAlignment="1">
      <alignment horizontal="center" vertical="center" wrapText="1"/>
    </xf>
    <xf numFmtId="0" fontId="3" fillId="0" borderId="4" xfId="0" applyFont="1" applyBorder="1" applyAlignment="1">
      <alignment horizontal="justify" vertical="center" wrapText="1"/>
    </xf>
    <xf numFmtId="0" fontId="3" fillId="0" borderId="5" xfId="0" applyFont="1" applyBorder="1" applyAlignment="1">
      <alignment horizontal="justify" vertical="center" wrapText="1"/>
    </xf>
    <xf numFmtId="0" fontId="3" fillId="0" borderId="6" xfId="0" applyFont="1" applyBorder="1" applyAlignment="1">
      <alignment horizontal="justify" vertical="center" wrapText="1"/>
    </xf>
    <xf numFmtId="0" fontId="5" fillId="0" borderId="0" xfId="0" applyFont="1" applyAlignment="1">
      <alignment horizontal="justify" vertical="center"/>
    </xf>
    <xf numFmtId="0" fontId="3" fillId="0" borderId="0" xfId="0" applyFont="1" applyAlignment="1">
      <alignment vertical="center"/>
    </xf>
    <xf numFmtId="0" fontId="6" fillId="0" borderId="0" xfId="0" applyFont="1">
      <alignment vertical="center"/>
    </xf>
    <xf numFmtId="0" fontId="2" fillId="0" borderId="1" xfId="0" applyFont="1" applyBorder="1" applyAlignment="1">
      <alignment horizontal="center" vertical="center" wrapText="1"/>
    </xf>
    <xf numFmtId="0" fontId="2" fillId="0" borderId="1" xfId="0" applyFont="1" applyBorder="1" applyAlignment="1">
      <alignment horizontal="center" vertical="center" wrapText="1"/>
    </xf>
    <xf numFmtId="0" fontId="2" fillId="0" borderId="1" xfId="0" applyFont="1" applyBorder="1" applyAlignment="1">
      <alignment horizontal="center" vertical="center" wrapText="1"/>
    </xf>
    <xf numFmtId="0" fontId="1" fillId="0" borderId="0" xfId="0" applyFont="1" applyBorder="1" applyAlignment="1">
      <alignment horizontal="distributed" vertical="center"/>
    </xf>
    <xf numFmtId="0" fontId="0" fillId="0" borderId="0" xfId="0" applyAlignment="1">
      <alignment horizontal="distributed" vertical="center"/>
    </xf>
    <xf numFmtId="0" fontId="2" fillId="0" borderId="1" xfId="0" applyFont="1" applyBorder="1" applyAlignment="1">
      <alignment horizontal="center" vertical="center" wrapText="1"/>
    </xf>
    <xf numFmtId="56" fontId="4" fillId="0" borderId="2" xfId="0" applyNumberFormat="1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2" fillId="0" borderId="2" xfId="0" applyFont="1" applyBorder="1" applyAlignment="1">
      <alignment horizontal="right" vertical="center" wrapText="1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3" xfId="0" applyBorder="1" applyAlignment="1">
      <alignment horizontal="center" vertical="center" wrapText="1"/>
    </xf>
    <xf numFmtId="0" fontId="0" fillId="0" borderId="2" xfId="0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0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30"/>
  <sheetViews>
    <sheetView workbookViewId="0">
      <selection activeCell="E18" sqref="E18"/>
    </sheetView>
  </sheetViews>
  <sheetFormatPr defaultColWidth="9" defaultRowHeight="18.75" x14ac:dyDescent="0.4"/>
  <cols>
    <col min="1" max="1" width="5.125" customWidth="1"/>
    <col min="2" max="2" width="12" customWidth="1"/>
    <col min="3" max="3" width="6.5" customWidth="1"/>
    <col min="5" max="5" width="41.125" customWidth="1"/>
    <col min="6" max="7" width="15" customWidth="1"/>
    <col min="8" max="8" width="19.875" customWidth="1"/>
  </cols>
  <sheetData>
    <row r="1" spans="1:8" ht="24" customHeight="1" x14ac:dyDescent="0.4">
      <c r="A1" s="11" t="s">
        <v>0</v>
      </c>
      <c r="C1" s="15" t="s">
        <v>1</v>
      </c>
      <c r="D1" s="16"/>
      <c r="E1" s="16"/>
    </row>
    <row r="2" spans="1:8" ht="25.15" customHeight="1" thickBot="1" x14ac:dyDescent="0.45">
      <c r="C2" s="1" t="s">
        <v>2</v>
      </c>
    </row>
    <row r="3" spans="1:8" ht="15" customHeight="1" thickBot="1" x14ac:dyDescent="0.45">
      <c r="A3" s="2"/>
      <c r="B3" s="3" t="s">
        <v>3</v>
      </c>
      <c r="C3" s="3" t="s">
        <v>4</v>
      </c>
      <c r="D3" s="3" t="s">
        <v>5</v>
      </c>
      <c r="E3" s="4" t="s">
        <v>6</v>
      </c>
      <c r="F3" s="4" t="s">
        <v>7</v>
      </c>
      <c r="G3" s="4" t="s">
        <v>8</v>
      </c>
      <c r="H3" s="5" t="s">
        <v>9</v>
      </c>
    </row>
    <row r="4" spans="1:8" ht="13.9" customHeight="1" thickBot="1" x14ac:dyDescent="0.45">
      <c r="A4" s="17">
        <v>1</v>
      </c>
      <c r="B4" s="18">
        <v>44877</v>
      </c>
      <c r="C4" s="20" t="s">
        <v>10</v>
      </c>
      <c r="D4" s="23" t="s">
        <v>11</v>
      </c>
      <c r="E4" s="6" t="s">
        <v>12</v>
      </c>
      <c r="F4" s="24"/>
      <c r="G4" s="24"/>
      <c r="H4" s="25"/>
    </row>
    <row r="5" spans="1:8" ht="13.9" customHeight="1" thickBot="1" x14ac:dyDescent="0.45">
      <c r="A5" s="17"/>
      <c r="B5" s="19"/>
      <c r="C5" s="21"/>
      <c r="D5" s="23"/>
      <c r="E5" s="7" t="s">
        <v>13</v>
      </c>
      <c r="F5" s="24"/>
      <c r="G5" s="24"/>
      <c r="H5" s="25"/>
    </row>
    <row r="6" spans="1:8" ht="13.9" customHeight="1" thickBot="1" x14ac:dyDescent="0.45">
      <c r="A6" s="17"/>
      <c r="B6" s="19"/>
      <c r="C6" s="22"/>
      <c r="D6" s="23"/>
      <c r="E6" s="8" t="s">
        <v>14</v>
      </c>
      <c r="F6" s="24"/>
      <c r="G6" s="24"/>
      <c r="H6" s="25"/>
    </row>
    <row r="7" spans="1:8" ht="13.9" customHeight="1" thickBot="1" x14ac:dyDescent="0.45">
      <c r="A7" s="17">
        <v>2</v>
      </c>
      <c r="B7" s="18">
        <v>44878</v>
      </c>
      <c r="C7" s="20" t="s">
        <v>15</v>
      </c>
      <c r="D7" s="23" t="s">
        <v>11</v>
      </c>
      <c r="E7" s="6" t="s">
        <v>12</v>
      </c>
      <c r="F7" s="24"/>
      <c r="G7" s="24"/>
      <c r="H7" s="25"/>
    </row>
    <row r="8" spans="1:8" ht="13.9" customHeight="1" thickBot="1" x14ac:dyDescent="0.45">
      <c r="A8" s="17"/>
      <c r="B8" s="19"/>
      <c r="C8" s="21"/>
      <c r="D8" s="23"/>
      <c r="E8" s="7" t="s">
        <v>13</v>
      </c>
      <c r="F8" s="24"/>
      <c r="G8" s="24"/>
      <c r="H8" s="25"/>
    </row>
    <row r="9" spans="1:8" ht="13.9" customHeight="1" thickBot="1" x14ac:dyDescent="0.45">
      <c r="A9" s="17"/>
      <c r="B9" s="19"/>
      <c r="C9" s="22"/>
      <c r="D9" s="23"/>
      <c r="E9" s="8" t="s">
        <v>14</v>
      </c>
      <c r="F9" s="24"/>
      <c r="G9" s="24"/>
      <c r="H9" s="25"/>
    </row>
    <row r="10" spans="1:8" ht="13.9" customHeight="1" thickBot="1" x14ac:dyDescent="0.45">
      <c r="A10" s="17">
        <v>3</v>
      </c>
      <c r="B10" s="18">
        <v>44879</v>
      </c>
      <c r="C10" s="20" t="s">
        <v>16</v>
      </c>
      <c r="D10" s="23" t="s">
        <v>11</v>
      </c>
      <c r="E10" s="6" t="s">
        <v>12</v>
      </c>
      <c r="F10" s="24"/>
      <c r="G10" s="24"/>
      <c r="H10" s="25"/>
    </row>
    <row r="11" spans="1:8" ht="13.9" customHeight="1" thickBot="1" x14ac:dyDescent="0.45">
      <c r="A11" s="17"/>
      <c r="B11" s="19"/>
      <c r="C11" s="21"/>
      <c r="D11" s="23"/>
      <c r="E11" s="7" t="s">
        <v>13</v>
      </c>
      <c r="F11" s="24"/>
      <c r="G11" s="24"/>
      <c r="H11" s="25"/>
    </row>
    <row r="12" spans="1:8" ht="13.9" customHeight="1" thickBot="1" x14ac:dyDescent="0.45">
      <c r="A12" s="17"/>
      <c r="B12" s="19"/>
      <c r="C12" s="22"/>
      <c r="D12" s="23"/>
      <c r="E12" s="8" t="s">
        <v>14</v>
      </c>
      <c r="F12" s="24"/>
      <c r="G12" s="24"/>
      <c r="H12" s="25"/>
    </row>
    <row r="13" spans="1:8" ht="13.9" customHeight="1" thickBot="1" x14ac:dyDescent="0.45">
      <c r="A13" s="17">
        <v>4</v>
      </c>
      <c r="B13" s="18">
        <v>44880</v>
      </c>
      <c r="C13" s="20" t="s">
        <v>17</v>
      </c>
      <c r="D13" s="23" t="s">
        <v>11</v>
      </c>
      <c r="E13" s="6" t="s">
        <v>12</v>
      </c>
      <c r="F13" s="24"/>
      <c r="G13" s="24"/>
      <c r="H13" s="25"/>
    </row>
    <row r="14" spans="1:8" ht="13.9" customHeight="1" thickBot="1" x14ac:dyDescent="0.45">
      <c r="A14" s="17"/>
      <c r="B14" s="19"/>
      <c r="C14" s="21"/>
      <c r="D14" s="23"/>
      <c r="E14" s="7" t="s">
        <v>13</v>
      </c>
      <c r="F14" s="24"/>
      <c r="G14" s="24"/>
      <c r="H14" s="25"/>
    </row>
    <row r="15" spans="1:8" ht="13.9" customHeight="1" thickBot="1" x14ac:dyDescent="0.45">
      <c r="A15" s="17"/>
      <c r="B15" s="19"/>
      <c r="C15" s="22"/>
      <c r="D15" s="23"/>
      <c r="E15" s="8" t="s">
        <v>14</v>
      </c>
      <c r="F15" s="24"/>
      <c r="G15" s="24"/>
      <c r="H15" s="25"/>
    </row>
    <row r="16" spans="1:8" ht="13.9" customHeight="1" thickBot="1" x14ac:dyDescent="0.45">
      <c r="A16" s="17">
        <v>5</v>
      </c>
      <c r="B16" s="18">
        <v>44881</v>
      </c>
      <c r="C16" s="20" t="s">
        <v>18</v>
      </c>
      <c r="D16" s="23" t="s">
        <v>11</v>
      </c>
      <c r="E16" s="6" t="s">
        <v>12</v>
      </c>
      <c r="F16" s="27"/>
      <c r="G16" s="27"/>
      <c r="H16" s="26"/>
    </row>
    <row r="17" spans="1:8" ht="13.9" customHeight="1" thickBot="1" x14ac:dyDescent="0.45">
      <c r="A17" s="17"/>
      <c r="B17" s="19"/>
      <c r="C17" s="21"/>
      <c r="D17" s="23"/>
      <c r="E17" s="7" t="s">
        <v>13</v>
      </c>
      <c r="F17" s="24"/>
      <c r="G17" s="24"/>
      <c r="H17" s="25"/>
    </row>
    <row r="18" spans="1:8" ht="13.9" customHeight="1" thickBot="1" x14ac:dyDescent="0.45">
      <c r="A18" s="17"/>
      <c r="B18" s="19"/>
      <c r="C18" s="22"/>
      <c r="D18" s="23"/>
      <c r="E18" s="8" t="s">
        <v>14</v>
      </c>
      <c r="F18" s="24"/>
      <c r="G18" s="24"/>
      <c r="H18" s="25"/>
    </row>
    <row r="19" spans="1:8" ht="13.9" customHeight="1" thickBot="1" x14ac:dyDescent="0.45">
      <c r="A19" s="17">
        <v>6</v>
      </c>
      <c r="B19" s="18">
        <v>44882</v>
      </c>
      <c r="C19" s="20" t="s">
        <v>19</v>
      </c>
      <c r="D19" s="23" t="s">
        <v>11</v>
      </c>
      <c r="E19" s="6" t="s">
        <v>12</v>
      </c>
      <c r="F19" s="24"/>
      <c r="G19" s="24"/>
      <c r="H19" s="25"/>
    </row>
    <row r="20" spans="1:8" ht="13.9" customHeight="1" thickBot="1" x14ac:dyDescent="0.45">
      <c r="A20" s="17"/>
      <c r="B20" s="19"/>
      <c r="C20" s="21"/>
      <c r="D20" s="23"/>
      <c r="E20" s="7" t="s">
        <v>13</v>
      </c>
      <c r="F20" s="24"/>
      <c r="G20" s="24"/>
      <c r="H20" s="25"/>
    </row>
    <row r="21" spans="1:8" ht="13.9" customHeight="1" thickBot="1" x14ac:dyDescent="0.45">
      <c r="A21" s="17"/>
      <c r="B21" s="19"/>
      <c r="C21" s="22"/>
      <c r="D21" s="23"/>
      <c r="E21" s="8" t="s">
        <v>14</v>
      </c>
      <c r="F21" s="24"/>
      <c r="G21" s="24"/>
      <c r="H21" s="25"/>
    </row>
    <row r="22" spans="1:8" ht="13.9" customHeight="1" thickBot="1" x14ac:dyDescent="0.45">
      <c r="A22" s="17">
        <v>7</v>
      </c>
      <c r="B22" s="18">
        <v>44883</v>
      </c>
      <c r="C22" s="19" t="s">
        <v>20</v>
      </c>
      <c r="D22" s="23" t="s">
        <v>11</v>
      </c>
      <c r="E22" s="6" t="s">
        <v>12</v>
      </c>
      <c r="F22" s="27"/>
      <c r="G22" s="27"/>
      <c r="H22" s="26"/>
    </row>
    <row r="23" spans="1:8" ht="13.9" customHeight="1" thickBot="1" x14ac:dyDescent="0.45">
      <c r="A23" s="17"/>
      <c r="B23" s="19"/>
      <c r="C23" s="19"/>
      <c r="D23" s="23"/>
      <c r="E23" s="7" t="s">
        <v>13</v>
      </c>
      <c r="F23" s="24"/>
      <c r="G23" s="24"/>
      <c r="H23" s="25"/>
    </row>
    <row r="24" spans="1:8" ht="13.9" customHeight="1" thickBot="1" x14ac:dyDescent="0.45">
      <c r="A24" s="17"/>
      <c r="B24" s="19"/>
      <c r="C24" s="19"/>
      <c r="D24" s="23"/>
      <c r="E24" s="8" t="s">
        <v>14</v>
      </c>
      <c r="F24" s="24"/>
      <c r="G24" s="24"/>
      <c r="H24" s="25"/>
    </row>
    <row r="25" spans="1:8" ht="13.9" customHeight="1" thickBot="1" x14ac:dyDescent="0.45">
      <c r="A25" s="17" t="s">
        <v>21</v>
      </c>
      <c r="B25" s="18">
        <v>44884</v>
      </c>
      <c r="C25" s="19" t="s">
        <v>10</v>
      </c>
      <c r="D25" s="23" t="s">
        <v>11</v>
      </c>
      <c r="E25" s="6" t="s">
        <v>12</v>
      </c>
      <c r="F25" s="24"/>
      <c r="G25" s="24"/>
      <c r="H25" s="25"/>
    </row>
    <row r="26" spans="1:8" ht="13.9" customHeight="1" thickBot="1" x14ac:dyDescent="0.45">
      <c r="A26" s="17"/>
      <c r="B26" s="19"/>
      <c r="C26" s="19"/>
      <c r="D26" s="23"/>
      <c r="E26" s="7" t="s">
        <v>13</v>
      </c>
      <c r="F26" s="24"/>
      <c r="G26" s="24"/>
      <c r="H26" s="25"/>
    </row>
    <row r="27" spans="1:8" ht="13.9" customHeight="1" thickBot="1" x14ac:dyDescent="0.45">
      <c r="A27" s="17"/>
      <c r="B27" s="19"/>
      <c r="C27" s="19"/>
      <c r="D27" s="23"/>
      <c r="E27" s="8" t="s">
        <v>14</v>
      </c>
      <c r="F27" s="24"/>
      <c r="G27" s="24"/>
      <c r="H27" s="25"/>
    </row>
    <row r="28" spans="1:8" ht="16.149999999999999" customHeight="1" x14ac:dyDescent="0.4">
      <c r="A28" s="9" t="s">
        <v>22</v>
      </c>
      <c r="B28" s="10" t="s">
        <v>23</v>
      </c>
    </row>
    <row r="29" spans="1:8" ht="16.149999999999999" customHeight="1" x14ac:dyDescent="0.4">
      <c r="B29" s="10" t="s">
        <v>24</v>
      </c>
    </row>
    <row r="30" spans="1:8" ht="16.149999999999999" customHeight="1" x14ac:dyDescent="0.4">
      <c r="B30" s="10" t="s">
        <v>25</v>
      </c>
    </row>
  </sheetData>
  <mergeCells count="57">
    <mergeCell ref="H22:H24"/>
    <mergeCell ref="A25:A27"/>
    <mergeCell ref="B25:B27"/>
    <mergeCell ref="C25:C27"/>
    <mergeCell ref="D25:D27"/>
    <mergeCell ref="F25:F27"/>
    <mergeCell ref="G25:G27"/>
    <mergeCell ref="H25:H27"/>
    <mergeCell ref="A22:A24"/>
    <mergeCell ref="B22:B24"/>
    <mergeCell ref="C22:C24"/>
    <mergeCell ref="D22:D24"/>
    <mergeCell ref="F22:F24"/>
    <mergeCell ref="G22:G24"/>
    <mergeCell ref="H16:H18"/>
    <mergeCell ref="A19:A21"/>
    <mergeCell ref="B19:B21"/>
    <mergeCell ref="C19:C21"/>
    <mergeCell ref="D19:D21"/>
    <mergeCell ref="F19:F21"/>
    <mergeCell ref="G19:G21"/>
    <mergeCell ref="H19:H21"/>
    <mergeCell ref="A16:A18"/>
    <mergeCell ref="B16:B18"/>
    <mergeCell ref="C16:C18"/>
    <mergeCell ref="D16:D18"/>
    <mergeCell ref="F16:F18"/>
    <mergeCell ref="G16:G18"/>
    <mergeCell ref="H10:H12"/>
    <mergeCell ref="A13:A15"/>
    <mergeCell ref="B13:B15"/>
    <mergeCell ref="C13:C15"/>
    <mergeCell ref="D13:D15"/>
    <mergeCell ref="F13:F15"/>
    <mergeCell ref="G13:G15"/>
    <mergeCell ref="H13:H15"/>
    <mergeCell ref="A10:A12"/>
    <mergeCell ref="B10:B12"/>
    <mergeCell ref="C10:C12"/>
    <mergeCell ref="D10:D12"/>
    <mergeCell ref="F10:F12"/>
    <mergeCell ref="G10:G12"/>
    <mergeCell ref="G4:G6"/>
    <mergeCell ref="H4:H6"/>
    <mergeCell ref="A7:A9"/>
    <mergeCell ref="B7:B9"/>
    <mergeCell ref="C7:C9"/>
    <mergeCell ref="D7:D9"/>
    <mergeCell ref="F7:F9"/>
    <mergeCell ref="G7:G9"/>
    <mergeCell ref="H7:H9"/>
    <mergeCell ref="F4:F6"/>
    <mergeCell ref="C1:E1"/>
    <mergeCell ref="A4:A6"/>
    <mergeCell ref="B4:B6"/>
    <mergeCell ref="C4:C6"/>
    <mergeCell ref="D4:D6"/>
  </mergeCells>
  <phoneticPr fontId="7"/>
  <printOptions horizontalCentered="1" verticalCentered="1"/>
  <pageMargins left="0.31496062992125984" right="0.31496062992125984" top="0.35433070866141736" bottom="0.35433070866141736" header="0.31496062992125984" footer="0.31496062992125984"/>
  <pageSetup paperSize="9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30"/>
  <sheetViews>
    <sheetView topLeftCell="A11" workbookViewId="0">
      <selection activeCell="E25" sqref="E25"/>
    </sheetView>
  </sheetViews>
  <sheetFormatPr defaultColWidth="9" defaultRowHeight="18.75" x14ac:dyDescent="0.4"/>
  <cols>
    <col min="1" max="1" width="5.125" customWidth="1"/>
    <col min="2" max="2" width="12" customWidth="1"/>
    <col min="3" max="3" width="6.5" customWidth="1"/>
    <col min="5" max="5" width="41.125" customWidth="1"/>
    <col min="6" max="7" width="15" customWidth="1"/>
    <col min="8" max="8" width="19.875" customWidth="1"/>
  </cols>
  <sheetData>
    <row r="1" spans="1:8" ht="24" customHeight="1" x14ac:dyDescent="0.4">
      <c r="A1" s="11" t="s">
        <v>0</v>
      </c>
      <c r="C1" s="15" t="s">
        <v>1</v>
      </c>
      <c r="D1" s="16"/>
      <c r="E1" s="16"/>
    </row>
    <row r="2" spans="1:8" ht="25.15" customHeight="1" thickBot="1" x14ac:dyDescent="0.45">
      <c r="C2" s="1" t="s">
        <v>2</v>
      </c>
    </row>
    <row r="3" spans="1:8" ht="15" customHeight="1" thickBot="1" x14ac:dyDescent="0.45">
      <c r="A3" s="14"/>
      <c r="B3" s="3" t="s">
        <v>3</v>
      </c>
      <c r="C3" s="3" t="s">
        <v>4</v>
      </c>
      <c r="D3" s="3" t="s">
        <v>5</v>
      </c>
      <c r="E3" s="4" t="s">
        <v>6</v>
      </c>
      <c r="F3" s="4" t="s">
        <v>7</v>
      </c>
      <c r="G3" s="4" t="s">
        <v>8</v>
      </c>
      <c r="H3" s="5" t="s">
        <v>9</v>
      </c>
    </row>
    <row r="4" spans="1:8" ht="13.9" customHeight="1" thickBot="1" x14ac:dyDescent="0.45">
      <c r="A4" s="17">
        <v>1</v>
      </c>
      <c r="B4" s="18">
        <v>44884</v>
      </c>
      <c r="C4" s="20" t="s">
        <v>10</v>
      </c>
      <c r="D4" s="23" t="s">
        <v>11</v>
      </c>
      <c r="E4" s="6" t="s">
        <v>28</v>
      </c>
      <c r="F4" s="24"/>
      <c r="G4" s="24"/>
      <c r="H4" s="25"/>
    </row>
    <row r="5" spans="1:8" ht="13.9" customHeight="1" thickBot="1" x14ac:dyDescent="0.45">
      <c r="A5" s="17"/>
      <c r="B5" s="19"/>
      <c r="C5" s="21"/>
      <c r="D5" s="23"/>
      <c r="E5" s="7" t="s">
        <v>13</v>
      </c>
      <c r="F5" s="24"/>
      <c r="G5" s="24"/>
      <c r="H5" s="25"/>
    </row>
    <row r="6" spans="1:8" ht="13.9" customHeight="1" thickBot="1" x14ac:dyDescent="0.45">
      <c r="A6" s="17"/>
      <c r="B6" s="19"/>
      <c r="C6" s="22"/>
      <c r="D6" s="23"/>
      <c r="E6" s="8" t="s">
        <v>14</v>
      </c>
      <c r="F6" s="24"/>
      <c r="G6" s="24"/>
      <c r="H6" s="25"/>
    </row>
    <row r="7" spans="1:8" ht="13.9" customHeight="1" thickBot="1" x14ac:dyDescent="0.45">
      <c r="A7" s="17">
        <v>2</v>
      </c>
      <c r="B7" s="18">
        <v>44885</v>
      </c>
      <c r="C7" s="20" t="s">
        <v>15</v>
      </c>
      <c r="D7" s="23" t="s">
        <v>11</v>
      </c>
      <c r="E7" s="6" t="s">
        <v>12</v>
      </c>
      <c r="F7" s="24"/>
      <c r="G7" s="24"/>
      <c r="H7" s="25"/>
    </row>
    <row r="8" spans="1:8" ht="13.9" customHeight="1" thickBot="1" x14ac:dyDescent="0.45">
      <c r="A8" s="17"/>
      <c r="B8" s="19"/>
      <c r="C8" s="21"/>
      <c r="D8" s="23"/>
      <c r="E8" s="7" t="s">
        <v>13</v>
      </c>
      <c r="F8" s="24"/>
      <c r="G8" s="24"/>
      <c r="H8" s="25"/>
    </row>
    <row r="9" spans="1:8" ht="13.9" customHeight="1" thickBot="1" x14ac:dyDescent="0.45">
      <c r="A9" s="17"/>
      <c r="B9" s="19"/>
      <c r="C9" s="22"/>
      <c r="D9" s="23"/>
      <c r="E9" s="8" t="s">
        <v>14</v>
      </c>
      <c r="F9" s="24"/>
      <c r="G9" s="24"/>
      <c r="H9" s="25"/>
    </row>
    <row r="10" spans="1:8" ht="13.9" customHeight="1" thickBot="1" x14ac:dyDescent="0.45">
      <c r="A10" s="17">
        <v>3</v>
      </c>
      <c r="B10" s="18">
        <v>44886</v>
      </c>
      <c r="C10" s="20" t="s">
        <v>16</v>
      </c>
      <c r="D10" s="23" t="s">
        <v>11</v>
      </c>
      <c r="E10" s="6" t="s">
        <v>12</v>
      </c>
      <c r="F10" s="24"/>
      <c r="G10" s="24"/>
      <c r="H10" s="25"/>
    </row>
    <row r="11" spans="1:8" ht="13.9" customHeight="1" thickBot="1" x14ac:dyDescent="0.45">
      <c r="A11" s="17"/>
      <c r="B11" s="19"/>
      <c r="C11" s="21"/>
      <c r="D11" s="23"/>
      <c r="E11" s="7" t="s">
        <v>13</v>
      </c>
      <c r="F11" s="24"/>
      <c r="G11" s="24"/>
      <c r="H11" s="25"/>
    </row>
    <row r="12" spans="1:8" ht="13.9" customHeight="1" thickBot="1" x14ac:dyDescent="0.45">
      <c r="A12" s="17"/>
      <c r="B12" s="19"/>
      <c r="C12" s="22"/>
      <c r="D12" s="23"/>
      <c r="E12" s="8" t="s">
        <v>14</v>
      </c>
      <c r="F12" s="24"/>
      <c r="G12" s="24"/>
      <c r="H12" s="25"/>
    </row>
    <row r="13" spans="1:8" ht="13.9" customHeight="1" thickBot="1" x14ac:dyDescent="0.45">
      <c r="A13" s="17">
        <v>4</v>
      </c>
      <c r="B13" s="18">
        <v>44887</v>
      </c>
      <c r="C13" s="20" t="s">
        <v>17</v>
      </c>
      <c r="D13" s="23" t="s">
        <v>11</v>
      </c>
      <c r="E13" s="6" t="s">
        <v>12</v>
      </c>
      <c r="F13" s="24"/>
      <c r="G13" s="24"/>
      <c r="H13" s="25"/>
    </row>
    <row r="14" spans="1:8" ht="13.9" customHeight="1" thickBot="1" x14ac:dyDescent="0.45">
      <c r="A14" s="17"/>
      <c r="B14" s="19"/>
      <c r="C14" s="21"/>
      <c r="D14" s="23"/>
      <c r="E14" s="7" t="s">
        <v>13</v>
      </c>
      <c r="F14" s="24"/>
      <c r="G14" s="24"/>
      <c r="H14" s="25"/>
    </row>
    <row r="15" spans="1:8" ht="13.9" customHeight="1" thickBot="1" x14ac:dyDescent="0.45">
      <c r="A15" s="17"/>
      <c r="B15" s="19"/>
      <c r="C15" s="22"/>
      <c r="D15" s="23"/>
      <c r="E15" s="8" t="s">
        <v>14</v>
      </c>
      <c r="F15" s="24"/>
      <c r="G15" s="24"/>
      <c r="H15" s="25"/>
    </row>
    <row r="16" spans="1:8" ht="13.9" customHeight="1" thickBot="1" x14ac:dyDescent="0.45">
      <c r="A16" s="17">
        <v>5</v>
      </c>
      <c r="B16" s="18">
        <v>44888</v>
      </c>
      <c r="C16" s="20" t="s">
        <v>18</v>
      </c>
      <c r="D16" s="23" t="s">
        <v>11</v>
      </c>
      <c r="E16" s="6" t="s">
        <v>12</v>
      </c>
      <c r="F16" s="27"/>
      <c r="G16" s="27"/>
      <c r="H16" s="26"/>
    </row>
    <row r="17" spans="1:8" ht="13.9" customHeight="1" thickBot="1" x14ac:dyDescent="0.45">
      <c r="A17" s="17"/>
      <c r="B17" s="19"/>
      <c r="C17" s="21"/>
      <c r="D17" s="23"/>
      <c r="E17" s="7" t="s">
        <v>13</v>
      </c>
      <c r="F17" s="24"/>
      <c r="G17" s="24"/>
      <c r="H17" s="25"/>
    </row>
    <row r="18" spans="1:8" ht="13.9" customHeight="1" thickBot="1" x14ac:dyDescent="0.45">
      <c r="A18" s="17"/>
      <c r="B18" s="19"/>
      <c r="C18" s="22"/>
      <c r="D18" s="23"/>
      <c r="E18" s="8" t="s">
        <v>14</v>
      </c>
      <c r="F18" s="24"/>
      <c r="G18" s="24"/>
      <c r="H18" s="25"/>
    </row>
    <row r="19" spans="1:8" ht="13.9" customHeight="1" thickBot="1" x14ac:dyDescent="0.45">
      <c r="A19" s="17">
        <v>6</v>
      </c>
      <c r="B19" s="18">
        <v>44889</v>
      </c>
      <c r="C19" s="20" t="s">
        <v>19</v>
      </c>
      <c r="D19" s="23" t="s">
        <v>11</v>
      </c>
      <c r="E19" s="6" t="s">
        <v>12</v>
      </c>
      <c r="F19" s="24"/>
      <c r="G19" s="24"/>
      <c r="H19" s="25"/>
    </row>
    <row r="20" spans="1:8" ht="13.9" customHeight="1" thickBot="1" x14ac:dyDescent="0.45">
      <c r="A20" s="17"/>
      <c r="B20" s="19"/>
      <c r="C20" s="21"/>
      <c r="D20" s="23"/>
      <c r="E20" s="7" t="s">
        <v>13</v>
      </c>
      <c r="F20" s="24"/>
      <c r="G20" s="24"/>
      <c r="H20" s="25"/>
    </row>
    <row r="21" spans="1:8" ht="13.9" customHeight="1" thickBot="1" x14ac:dyDescent="0.45">
      <c r="A21" s="17"/>
      <c r="B21" s="19"/>
      <c r="C21" s="22"/>
      <c r="D21" s="23"/>
      <c r="E21" s="8" t="s">
        <v>14</v>
      </c>
      <c r="F21" s="24"/>
      <c r="G21" s="24"/>
      <c r="H21" s="25"/>
    </row>
    <row r="22" spans="1:8" ht="13.9" customHeight="1" thickBot="1" x14ac:dyDescent="0.45">
      <c r="A22" s="17">
        <v>7</v>
      </c>
      <c r="B22" s="18">
        <v>44890</v>
      </c>
      <c r="C22" s="19" t="s">
        <v>20</v>
      </c>
      <c r="D22" s="23" t="s">
        <v>11</v>
      </c>
      <c r="E22" s="6" t="s">
        <v>12</v>
      </c>
      <c r="F22" s="27"/>
      <c r="G22" s="27"/>
      <c r="H22" s="26"/>
    </row>
    <row r="23" spans="1:8" ht="13.9" customHeight="1" thickBot="1" x14ac:dyDescent="0.45">
      <c r="A23" s="17"/>
      <c r="B23" s="19"/>
      <c r="C23" s="19"/>
      <c r="D23" s="23"/>
      <c r="E23" s="7" t="s">
        <v>13</v>
      </c>
      <c r="F23" s="24"/>
      <c r="G23" s="24"/>
      <c r="H23" s="25"/>
    </row>
    <row r="24" spans="1:8" ht="13.9" customHeight="1" thickBot="1" x14ac:dyDescent="0.45">
      <c r="A24" s="17"/>
      <c r="B24" s="19"/>
      <c r="C24" s="19"/>
      <c r="D24" s="23"/>
      <c r="E24" s="8" t="s">
        <v>14</v>
      </c>
      <c r="F24" s="24"/>
      <c r="G24" s="24"/>
      <c r="H24" s="25"/>
    </row>
    <row r="25" spans="1:8" ht="13.9" customHeight="1" thickBot="1" x14ac:dyDescent="0.45">
      <c r="A25" s="17" t="s">
        <v>21</v>
      </c>
      <c r="B25" s="18">
        <v>44891</v>
      </c>
      <c r="C25" s="19" t="s">
        <v>10</v>
      </c>
      <c r="D25" s="23" t="s">
        <v>11</v>
      </c>
      <c r="E25" s="6" t="s">
        <v>12</v>
      </c>
      <c r="F25" s="24"/>
      <c r="G25" s="24"/>
      <c r="H25" s="25"/>
    </row>
    <row r="26" spans="1:8" ht="13.9" customHeight="1" thickBot="1" x14ac:dyDescent="0.45">
      <c r="A26" s="17"/>
      <c r="B26" s="19"/>
      <c r="C26" s="19"/>
      <c r="D26" s="23"/>
      <c r="E26" s="7" t="s">
        <v>13</v>
      </c>
      <c r="F26" s="24"/>
      <c r="G26" s="24"/>
      <c r="H26" s="25"/>
    </row>
    <row r="27" spans="1:8" ht="13.9" customHeight="1" thickBot="1" x14ac:dyDescent="0.45">
      <c r="A27" s="17"/>
      <c r="B27" s="19"/>
      <c r="C27" s="19"/>
      <c r="D27" s="23"/>
      <c r="E27" s="8" t="s">
        <v>14</v>
      </c>
      <c r="F27" s="24"/>
      <c r="G27" s="24"/>
      <c r="H27" s="25"/>
    </row>
    <row r="28" spans="1:8" ht="16.149999999999999" customHeight="1" x14ac:dyDescent="0.4">
      <c r="A28" s="9" t="s">
        <v>22</v>
      </c>
      <c r="B28" s="10" t="s">
        <v>23</v>
      </c>
    </row>
    <row r="29" spans="1:8" ht="16.149999999999999" customHeight="1" x14ac:dyDescent="0.4">
      <c r="B29" s="10" t="s">
        <v>24</v>
      </c>
    </row>
    <row r="30" spans="1:8" ht="16.149999999999999" customHeight="1" x14ac:dyDescent="0.4">
      <c r="B30" s="10" t="s">
        <v>25</v>
      </c>
    </row>
  </sheetData>
  <mergeCells count="57">
    <mergeCell ref="C1:E1"/>
    <mergeCell ref="A4:A6"/>
    <mergeCell ref="B4:B6"/>
    <mergeCell ref="C4:C6"/>
    <mergeCell ref="D4:D6"/>
    <mergeCell ref="G4:G6"/>
    <mergeCell ref="H4:H6"/>
    <mergeCell ref="A7:A9"/>
    <mergeCell ref="B7:B9"/>
    <mergeCell ref="C7:C9"/>
    <mergeCell ref="D7:D9"/>
    <mergeCell ref="F7:F9"/>
    <mergeCell ref="G7:G9"/>
    <mergeCell ref="H7:H9"/>
    <mergeCell ref="F4:F6"/>
    <mergeCell ref="H10:H12"/>
    <mergeCell ref="A13:A15"/>
    <mergeCell ref="B13:B15"/>
    <mergeCell ref="C13:C15"/>
    <mergeCell ref="D13:D15"/>
    <mergeCell ref="F13:F15"/>
    <mergeCell ref="G13:G15"/>
    <mergeCell ref="H13:H15"/>
    <mergeCell ref="A10:A12"/>
    <mergeCell ref="B10:B12"/>
    <mergeCell ref="C10:C12"/>
    <mergeCell ref="D10:D12"/>
    <mergeCell ref="F10:F12"/>
    <mergeCell ref="G10:G12"/>
    <mergeCell ref="H16:H18"/>
    <mergeCell ref="A19:A21"/>
    <mergeCell ref="B19:B21"/>
    <mergeCell ref="C19:C21"/>
    <mergeCell ref="D19:D21"/>
    <mergeCell ref="F19:F21"/>
    <mergeCell ref="G19:G21"/>
    <mergeCell ref="H19:H21"/>
    <mergeCell ref="A16:A18"/>
    <mergeCell ref="B16:B18"/>
    <mergeCell ref="C16:C18"/>
    <mergeCell ref="D16:D18"/>
    <mergeCell ref="F16:F18"/>
    <mergeCell ref="G16:G18"/>
    <mergeCell ref="H22:H24"/>
    <mergeCell ref="A25:A27"/>
    <mergeCell ref="B25:B27"/>
    <mergeCell ref="C25:C27"/>
    <mergeCell ref="D25:D27"/>
    <mergeCell ref="F25:F27"/>
    <mergeCell ref="G25:G27"/>
    <mergeCell ref="H25:H27"/>
    <mergeCell ref="A22:A24"/>
    <mergeCell ref="B22:B24"/>
    <mergeCell ref="C22:C24"/>
    <mergeCell ref="D22:D24"/>
    <mergeCell ref="F22:F24"/>
    <mergeCell ref="G22:G24"/>
  </mergeCells>
  <phoneticPr fontId="7"/>
  <printOptions horizontalCentered="1" verticalCentered="1"/>
  <pageMargins left="0.31496062992125984" right="0.31496062992125984" top="0.35433070866141736" bottom="0.35433070866141736" header="0.31496062992125984" footer="0.31496062992125984"/>
  <pageSetup paperSize="9" orientation="landscape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30"/>
  <sheetViews>
    <sheetView topLeftCell="A10" workbookViewId="0">
      <selection activeCell="B4" sqref="B4:B27"/>
    </sheetView>
  </sheetViews>
  <sheetFormatPr defaultColWidth="9" defaultRowHeight="18.75" x14ac:dyDescent="0.4"/>
  <cols>
    <col min="1" max="1" width="5.125" customWidth="1"/>
    <col min="2" max="2" width="12" customWidth="1"/>
    <col min="3" max="3" width="6.5" customWidth="1"/>
    <col min="5" max="5" width="41.125" customWidth="1"/>
    <col min="6" max="7" width="15" customWidth="1"/>
    <col min="8" max="8" width="19.875" customWidth="1"/>
  </cols>
  <sheetData>
    <row r="1" spans="1:8" ht="24" customHeight="1" x14ac:dyDescent="0.4">
      <c r="A1" s="11" t="s">
        <v>0</v>
      </c>
      <c r="C1" s="15" t="s">
        <v>1</v>
      </c>
      <c r="D1" s="16"/>
      <c r="E1" s="16"/>
    </row>
    <row r="2" spans="1:8" ht="25.15" customHeight="1" thickBot="1" x14ac:dyDescent="0.45">
      <c r="C2" s="1" t="s">
        <v>2</v>
      </c>
    </row>
    <row r="3" spans="1:8" ht="15" customHeight="1" thickBot="1" x14ac:dyDescent="0.45">
      <c r="A3" s="12"/>
      <c r="B3" s="3" t="s">
        <v>3</v>
      </c>
      <c r="C3" s="3" t="s">
        <v>4</v>
      </c>
      <c r="D3" s="3" t="s">
        <v>5</v>
      </c>
      <c r="E3" s="4" t="s">
        <v>6</v>
      </c>
      <c r="F3" s="4" t="s">
        <v>7</v>
      </c>
      <c r="G3" s="4" t="s">
        <v>8</v>
      </c>
      <c r="H3" s="5" t="s">
        <v>9</v>
      </c>
    </row>
    <row r="4" spans="1:8" ht="13.9" customHeight="1" thickBot="1" x14ac:dyDescent="0.45">
      <c r="A4" s="17">
        <v>1</v>
      </c>
      <c r="B4" s="18">
        <v>44891</v>
      </c>
      <c r="C4" s="20" t="s">
        <v>15</v>
      </c>
      <c r="D4" s="23" t="s">
        <v>11</v>
      </c>
      <c r="E4" s="6" t="s">
        <v>12</v>
      </c>
      <c r="F4" s="24"/>
      <c r="G4" s="24"/>
      <c r="H4" s="25"/>
    </row>
    <row r="5" spans="1:8" ht="13.9" customHeight="1" thickBot="1" x14ac:dyDescent="0.45">
      <c r="A5" s="17"/>
      <c r="B5" s="19"/>
      <c r="C5" s="21"/>
      <c r="D5" s="23"/>
      <c r="E5" s="7" t="s">
        <v>13</v>
      </c>
      <c r="F5" s="24"/>
      <c r="G5" s="24"/>
      <c r="H5" s="25"/>
    </row>
    <row r="6" spans="1:8" ht="13.9" customHeight="1" thickBot="1" x14ac:dyDescent="0.45">
      <c r="A6" s="17"/>
      <c r="B6" s="19"/>
      <c r="C6" s="22"/>
      <c r="D6" s="23"/>
      <c r="E6" s="8" t="s">
        <v>14</v>
      </c>
      <c r="F6" s="24"/>
      <c r="G6" s="24"/>
      <c r="H6" s="25"/>
    </row>
    <row r="7" spans="1:8" ht="13.9" customHeight="1" thickBot="1" x14ac:dyDescent="0.45">
      <c r="A7" s="17">
        <v>2</v>
      </c>
      <c r="B7" s="18">
        <v>44892</v>
      </c>
      <c r="C7" s="20" t="s">
        <v>16</v>
      </c>
      <c r="D7" s="23" t="s">
        <v>11</v>
      </c>
      <c r="E7" s="6" t="s">
        <v>12</v>
      </c>
      <c r="F7" s="24"/>
      <c r="G7" s="24"/>
      <c r="H7" s="25"/>
    </row>
    <row r="8" spans="1:8" ht="13.9" customHeight="1" thickBot="1" x14ac:dyDescent="0.45">
      <c r="A8" s="17"/>
      <c r="B8" s="19"/>
      <c r="C8" s="21"/>
      <c r="D8" s="23"/>
      <c r="E8" s="7" t="s">
        <v>13</v>
      </c>
      <c r="F8" s="24"/>
      <c r="G8" s="24"/>
      <c r="H8" s="25"/>
    </row>
    <row r="9" spans="1:8" ht="13.9" customHeight="1" thickBot="1" x14ac:dyDescent="0.45">
      <c r="A9" s="17"/>
      <c r="B9" s="19"/>
      <c r="C9" s="22"/>
      <c r="D9" s="23"/>
      <c r="E9" s="8" t="s">
        <v>14</v>
      </c>
      <c r="F9" s="24"/>
      <c r="G9" s="24"/>
      <c r="H9" s="25"/>
    </row>
    <row r="10" spans="1:8" ht="13.9" customHeight="1" thickBot="1" x14ac:dyDescent="0.45">
      <c r="A10" s="17">
        <v>3</v>
      </c>
      <c r="B10" s="18">
        <v>44893</v>
      </c>
      <c r="C10" s="20" t="s">
        <v>17</v>
      </c>
      <c r="D10" s="23" t="s">
        <v>11</v>
      </c>
      <c r="E10" s="6" t="s">
        <v>12</v>
      </c>
      <c r="F10" s="24"/>
      <c r="G10" s="24"/>
      <c r="H10" s="25"/>
    </row>
    <row r="11" spans="1:8" ht="13.9" customHeight="1" thickBot="1" x14ac:dyDescent="0.45">
      <c r="A11" s="17"/>
      <c r="B11" s="19"/>
      <c r="C11" s="21"/>
      <c r="D11" s="23"/>
      <c r="E11" s="7" t="s">
        <v>13</v>
      </c>
      <c r="F11" s="24"/>
      <c r="G11" s="24"/>
      <c r="H11" s="25"/>
    </row>
    <row r="12" spans="1:8" ht="13.9" customHeight="1" thickBot="1" x14ac:dyDescent="0.45">
      <c r="A12" s="17"/>
      <c r="B12" s="19"/>
      <c r="C12" s="22"/>
      <c r="D12" s="23"/>
      <c r="E12" s="8" t="s">
        <v>14</v>
      </c>
      <c r="F12" s="24"/>
      <c r="G12" s="24"/>
      <c r="H12" s="25"/>
    </row>
    <row r="13" spans="1:8" ht="13.9" customHeight="1" thickBot="1" x14ac:dyDescent="0.45">
      <c r="A13" s="17">
        <v>4</v>
      </c>
      <c r="B13" s="18">
        <v>44894</v>
      </c>
      <c r="C13" s="20" t="s">
        <v>18</v>
      </c>
      <c r="D13" s="23" t="s">
        <v>11</v>
      </c>
      <c r="E13" s="6" t="s">
        <v>12</v>
      </c>
      <c r="F13" s="24"/>
      <c r="G13" s="24"/>
      <c r="H13" s="25"/>
    </row>
    <row r="14" spans="1:8" ht="13.9" customHeight="1" thickBot="1" x14ac:dyDescent="0.45">
      <c r="A14" s="17"/>
      <c r="B14" s="19"/>
      <c r="C14" s="21"/>
      <c r="D14" s="23"/>
      <c r="E14" s="7" t="s">
        <v>13</v>
      </c>
      <c r="F14" s="24"/>
      <c r="G14" s="24"/>
      <c r="H14" s="25"/>
    </row>
    <row r="15" spans="1:8" ht="13.9" customHeight="1" thickBot="1" x14ac:dyDescent="0.45">
      <c r="A15" s="17"/>
      <c r="B15" s="19"/>
      <c r="C15" s="22"/>
      <c r="D15" s="23"/>
      <c r="E15" s="8" t="s">
        <v>14</v>
      </c>
      <c r="F15" s="24"/>
      <c r="G15" s="24"/>
      <c r="H15" s="25"/>
    </row>
    <row r="16" spans="1:8" ht="13.9" customHeight="1" thickBot="1" x14ac:dyDescent="0.45">
      <c r="A16" s="17">
        <v>5</v>
      </c>
      <c r="B16" s="18">
        <v>44895</v>
      </c>
      <c r="C16" s="20" t="s">
        <v>19</v>
      </c>
      <c r="D16" s="23" t="s">
        <v>11</v>
      </c>
      <c r="E16" s="6" t="s">
        <v>12</v>
      </c>
      <c r="F16" s="24"/>
      <c r="G16" s="24"/>
      <c r="H16" s="25"/>
    </row>
    <row r="17" spans="1:8" ht="13.9" customHeight="1" thickBot="1" x14ac:dyDescent="0.45">
      <c r="A17" s="17"/>
      <c r="B17" s="19"/>
      <c r="C17" s="21"/>
      <c r="D17" s="23"/>
      <c r="E17" s="7" t="s">
        <v>13</v>
      </c>
      <c r="F17" s="24"/>
      <c r="G17" s="24"/>
      <c r="H17" s="25"/>
    </row>
    <row r="18" spans="1:8" ht="13.9" customHeight="1" thickBot="1" x14ac:dyDescent="0.45">
      <c r="A18" s="17"/>
      <c r="B18" s="19"/>
      <c r="C18" s="22"/>
      <c r="D18" s="23"/>
      <c r="E18" s="8" t="s">
        <v>14</v>
      </c>
      <c r="F18" s="24"/>
      <c r="G18" s="24"/>
      <c r="H18" s="25"/>
    </row>
    <row r="19" spans="1:8" ht="13.9" customHeight="1" thickBot="1" x14ac:dyDescent="0.45">
      <c r="A19" s="17">
        <v>6</v>
      </c>
      <c r="B19" s="18">
        <v>44896</v>
      </c>
      <c r="C19" s="20" t="s">
        <v>20</v>
      </c>
      <c r="D19" s="23" t="s">
        <v>11</v>
      </c>
      <c r="E19" s="6" t="s">
        <v>12</v>
      </c>
      <c r="F19" s="24"/>
      <c r="G19" s="24"/>
      <c r="H19" s="25"/>
    </row>
    <row r="20" spans="1:8" ht="13.9" customHeight="1" thickBot="1" x14ac:dyDescent="0.45">
      <c r="A20" s="17"/>
      <c r="B20" s="19"/>
      <c r="C20" s="21"/>
      <c r="D20" s="23"/>
      <c r="E20" s="7" t="s">
        <v>13</v>
      </c>
      <c r="F20" s="24"/>
      <c r="G20" s="24"/>
      <c r="H20" s="25"/>
    </row>
    <row r="21" spans="1:8" ht="13.9" customHeight="1" thickBot="1" x14ac:dyDescent="0.45">
      <c r="A21" s="17"/>
      <c r="B21" s="19"/>
      <c r="C21" s="22"/>
      <c r="D21" s="23"/>
      <c r="E21" s="8" t="s">
        <v>14</v>
      </c>
      <c r="F21" s="24"/>
      <c r="G21" s="24"/>
      <c r="H21" s="25"/>
    </row>
    <row r="22" spans="1:8" ht="13.9" customHeight="1" thickBot="1" x14ac:dyDescent="0.45">
      <c r="A22" s="17">
        <v>7</v>
      </c>
      <c r="B22" s="18">
        <v>44897</v>
      </c>
      <c r="C22" s="19" t="s">
        <v>10</v>
      </c>
      <c r="D22" s="23" t="s">
        <v>11</v>
      </c>
      <c r="E22" s="6" t="s">
        <v>12</v>
      </c>
      <c r="F22" s="24"/>
      <c r="G22" s="24"/>
      <c r="H22" s="25"/>
    </row>
    <row r="23" spans="1:8" ht="13.9" customHeight="1" thickBot="1" x14ac:dyDescent="0.45">
      <c r="A23" s="17"/>
      <c r="B23" s="19"/>
      <c r="C23" s="19"/>
      <c r="D23" s="23"/>
      <c r="E23" s="7" t="s">
        <v>13</v>
      </c>
      <c r="F23" s="24"/>
      <c r="G23" s="24"/>
      <c r="H23" s="25"/>
    </row>
    <row r="24" spans="1:8" ht="13.9" customHeight="1" thickBot="1" x14ac:dyDescent="0.45">
      <c r="A24" s="17"/>
      <c r="B24" s="19"/>
      <c r="C24" s="19"/>
      <c r="D24" s="23"/>
      <c r="E24" s="8" t="s">
        <v>14</v>
      </c>
      <c r="F24" s="24"/>
      <c r="G24" s="24"/>
      <c r="H24" s="25"/>
    </row>
    <row r="25" spans="1:8" ht="13.9" customHeight="1" thickBot="1" x14ac:dyDescent="0.45">
      <c r="A25" s="17" t="s">
        <v>21</v>
      </c>
      <c r="B25" s="18">
        <v>44898</v>
      </c>
      <c r="C25" s="19" t="s">
        <v>26</v>
      </c>
      <c r="D25" s="23" t="s">
        <v>11</v>
      </c>
      <c r="E25" s="6" t="s">
        <v>12</v>
      </c>
      <c r="F25" s="24"/>
      <c r="G25" s="24"/>
      <c r="H25" s="25"/>
    </row>
    <row r="26" spans="1:8" ht="13.9" customHeight="1" thickBot="1" x14ac:dyDescent="0.45">
      <c r="A26" s="17"/>
      <c r="B26" s="19"/>
      <c r="C26" s="19"/>
      <c r="D26" s="23"/>
      <c r="E26" s="7" t="s">
        <v>13</v>
      </c>
      <c r="F26" s="24"/>
      <c r="G26" s="24"/>
      <c r="H26" s="25"/>
    </row>
    <row r="27" spans="1:8" ht="13.9" customHeight="1" thickBot="1" x14ac:dyDescent="0.45">
      <c r="A27" s="17"/>
      <c r="B27" s="19"/>
      <c r="C27" s="19"/>
      <c r="D27" s="23"/>
      <c r="E27" s="8" t="s">
        <v>14</v>
      </c>
      <c r="F27" s="24"/>
      <c r="G27" s="24"/>
      <c r="H27" s="25"/>
    </row>
    <row r="28" spans="1:8" ht="16.149999999999999" customHeight="1" x14ac:dyDescent="0.4">
      <c r="A28" s="9" t="s">
        <v>22</v>
      </c>
      <c r="B28" s="10" t="s">
        <v>23</v>
      </c>
    </row>
    <row r="29" spans="1:8" ht="16.149999999999999" customHeight="1" x14ac:dyDescent="0.4">
      <c r="B29" s="10" t="s">
        <v>24</v>
      </c>
    </row>
    <row r="30" spans="1:8" ht="16.149999999999999" customHeight="1" x14ac:dyDescent="0.4">
      <c r="B30" s="10" t="s">
        <v>25</v>
      </c>
    </row>
  </sheetData>
  <mergeCells count="57">
    <mergeCell ref="C1:E1"/>
    <mergeCell ref="A4:A6"/>
    <mergeCell ref="B4:B6"/>
    <mergeCell ref="C4:C6"/>
    <mergeCell ref="D4:D6"/>
    <mergeCell ref="G4:G6"/>
    <mergeCell ref="H4:H6"/>
    <mergeCell ref="A7:A9"/>
    <mergeCell ref="B7:B9"/>
    <mergeCell ref="C7:C9"/>
    <mergeCell ref="D7:D9"/>
    <mergeCell ref="F7:F9"/>
    <mergeCell ref="G7:G9"/>
    <mergeCell ref="H7:H9"/>
    <mergeCell ref="F4:F6"/>
    <mergeCell ref="H10:H12"/>
    <mergeCell ref="A13:A15"/>
    <mergeCell ref="B13:B15"/>
    <mergeCell ref="C13:C15"/>
    <mergeCell ref="D13:D15"/>
    <mergeCell ref="F13:F15"/>
    <mergeCell ref="G13:G15"/>
    <mergeCell ref="H13:H15"/>
    <mergeCell ref="A10:A12"/>
    <mergeCell ref="B10:B12"/>
    <mergeCell ref="C10:C12"/>
    <mergeCell ref="D10:D12"/>
    <mergeCell ref="F10:F12"/>
    <mergeCell ref="G10:G12"/>
    <mergeCell ref="H16:H18"/>
    <mergeCell ref="A19:A21"/>
    <mergeCell ref="B19:B21"/>
    <mergeCell ref="C19:C21"/>
    <mergeCell ref="D19:D21"/>
    <mergeCell ref="F19:F21"/>
    <mergeCell ref="G19:G21"/>
    <mergeCell ref="H19:H21"/>
    <mergeCell ref="A16:A18"/>
    <mergeCell ref="B16:B18"/>
    <mergeCell ref="C16:C18"/>
    <mergeCell ref="D16:D18"/>
    <mergeCell ref="F16:F18"/>
    <mergeCell ref="G16:G18"/>
    <mergeCell ref="H22:H24"/>
    <mergeCell ref="A25:A27"/>
    <mergeCell ref="B25:B27"/>
    <mergeCell ref="C25:C27"/>
    <mergeCell ref="D25:D27"/>
    <mergeCell ref="F25:F27"/>
    <mergeCell ref="G25:G27"/>
    <mergeCell ref="H25:H27"/>
    <mergeCell ref="A22:A24"/>
    <mergeCell ref="B22:B24"/>
    <mergeCell ref="C22:C24"/>
    <mergeCell ref="D22:D24"/>
    <mergeCell ref="F22:F24"/>
    <mergeCell ref="G22:G24"/>
  </mergeCells>
  <phoneticPr fontId="7"/>
  <printOptions horizontalCentered="1" verticalCentered="1"/>
  <pageMargins left="0.31496062992125984" right="0.31496062992125984" top="0.35433070866141736" bottom="0.35433070866141736" header="0.31496062992125984" footer="0.31496062992125984"/>
  <pageSetup paperSize="9" orientation="landscape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30"/>
  <sheetViews>
    <sheetView topLeftCell="A10" workbookViewId="0">
      <selection activeCell="C4" sqref="C4:C27"/>
    </sheetView>
  </sheetViews>
  <sheetFormatPr defaultColWidth="9" defaultRowHeight="18.75" x14ac:dyDescent="0.4"/>
  <cols>
    <col min="1" max="1" width="5.125" customWidth="1"/>
    <col min="2" max="2" width="12" customWidth="1"/>
    <col min="3" max="3" width="6.5" customWidth="1"/>
    <col min="5" max="5" width="41.125" customWidth="1"/>
    <col min="6" max="7" width="15" customWidth="1"/>
    <col min="8" max="8" width="19.875" customWidth="1"/>
  </cols>
  <sheetData>
    <row r="1" spans="1:8" ht="24" customHeight="1" x14ac:dyDescent="0.4">
      <c r="A1" s="11" t="s">
        <v>0</v>
      </c>
      <c r="C1" s="15" t="s">
        <v>1</v>
      </c>
      <c r="D1" s="16"/>
      <c r="E1" s="16"/>
    </row>
    <row r="2" spans="1:8" ht="25.15" customHeight="1" thickBot="1" x14ac:dyDescent="0.45">
      <c r="C2" s="1" t="s">
        <v>2</v>
      </c>
    </row>
    <row r="3" spans="1:8" ht="15" customHeight="1" thickBot="1" x14ac:dyDescent="0.45">
      <c r="A3" s="13"/>
      <c r="B3" s="3" t="s">
        <v>3</v>
      </c>
      <c r="C3" s="3" t="s">
        <v>4</v>
      </c>
      <c r="D3" s="3" t="s">
        <v>5</v>
      </c>
      <c r="E3" s="4" t="s">
        <v>6</v>
      </c>
      <c r="F3" s="4" t="s">
        <v>7</v>
      </c>
      <c r="G3" s="4" t="s">
        <v>8</v>
      </c>
      <c r="H3" s="5" t="s">
        <v>9</v>
      </c>
    </row>
    <row r="4" spans="1:8" ht="13.9" customHeight="1" thickBot="1" x14ac:dyDescent="0.45">
      <c r="A4" s="17">
        <v>1</v>
      </c>
      <c r="B4" s="18">
        <v>44541</v>
      </c>
      <c r="C4" s="20" t="s">
        <v>29</v>
      </c>
      <c r="D4" s="23" t="s">
        <v>11</v>
      </c>
      <c r="E4" s="6" t="s">
        <v>12</v>
      </c>
      <c r="F4" s="24"/>
      <c r="G4" s="24"/>
      <c r="H4" s="25"/>
    </row>
    <row r="5" spans="1:8" ht="13.9" customHeight="1" thickBot="1" x14ac:dyDescent="0.45">
      <c r="A5" s="17"/>
      <c r="B5" s="19"/>
      <c r="C5" s="21"/>
      <c r="D5" s="23"/>
      <c r="E5" s="7" t="s">
        <v>13</v>
      </c>
      <c r="F5" s="24"/>
      <c r="G5" s="24"/>
      <c r="H5" s="25"/>
    </row>
    <row r="6" spans="1:8" ht="13.9" customHeight="1" thickBot="1" x14ac:dyDescent="0.45">
      <c r="A6" s="17"/>
      <c r="B6" s="19"/>
      <c r="C6" s="22"/>
      <c r="D6" s="23"/>
      <c r="E6" s="8" t="s">
        <v>14</v>
      </c>
      <c r="F6" s="24"/>
      <c r="G6" s="24"/>
      <c r="H6" s="25"/>
    </row>
    <row r="7" spans="1:8" ht="13.9" customHeight="1" thickBot="1" x14ac:dyDescent="0.45">
      <c r="A7" s="17">
        <v>2</v>
      </c>
      <c r="B7" s="18">
        <v>44542</v>
      </c>
      <c r="C7" s="20" t="s">
        <v>16</v>
      </c>
      <c r="D7" s="23" t="s">
        <v>11</v>
      </c>
      <c r="E7" s="6" t="s">
        <v>12</v>
      </c>
      <c r="F7" s="24"/>
      <c r="G7" s="24"/>
      <c r="H7" s="25"/>
    </row>
    <row r="8" spans="1:8" ht="13.9" customHeight="1" thickBot="1" x14ac:dyDescent="0.45">
      <c r="A8" s="17"/>
      <c r="B8" s="19"/>
      <c r="C8" s="21"/>
      <c r="D8" s="23"/>
      <c r="E8" s="7" t="s">
        <v>13</v>
      </c>
      <c r="F8" s="24"/>
      <c r="G8" s="24"/>
      <c r="H8" s="25"/>
    </row>
    <row r="9" spans="1:8" ht="13.9" customHeight="1" thickBot="1" x14ac:dyDescent="0.45">
      <c r="A9" s="17"/>
      <c r="B9" s="19"/>
      <c r="C9" s="22"/>
      <c r="D9" s="23"/>
      <c r="E9" s="8" t="s">
        <v>14</v>
      </c>
      <c r="F9" s="24"/>
      <c r="G9" s="24"/>
      <c r="H9" s="25"/>
    </row>
    <row r="10" spans="1:8" ht="13.9" customHeight="1" thickBot="1" x14ac:dyDescent="0.45">
      <c r="A10" s="17">
        <v>3</v>
      </c>
      <c r="B10" s="18">
        <v>44543</v>
      </c>
      <c r="C10" s="20" t="s">
        <v>17</v>
      </c>
      <c r="D10" s="23" t="s">
        <v>11</v>
      </c>
      <c r="E10" s="6" t="s">
        <v>12</v>
      </c>
      <c r="F10" s="24"/>
      <c r="G10" s="24"/>
      <c r="H10" s="25"/>
    </row>
    <row r="11" spans="1:8" ht="13.9" customHeight="1" thickBot="1" x14ac:dyDescent="0.45">
      <c r="A11" s="17"/>
      <c r="B11" s="19"/>
      <c r="C11" s="21"/>
      <c r="D11" s="23"/>
      <c r="E11" s="7" t="s">
        <v>13</v>
      </c>
      <c r="F11" s="24"/>
      <c r="G11" s="24"/>
      <c r="H11" s="25"/>
    </row>
    <row r="12" spans="1:8" ht="13.9" customHeight="1" thickBot="1" x14ac:dyDescent="0.45">
      <c r="A12" s="17"/>
      <c r="B12" s="19"/>
      <c r="C12" s="22"/>
      <c r="D12" s="23"/>
      <c r="E12" s="8" t="s">
        <v>14</v>
      </c>
      <c r="F12" s="24"/>
      <c r="G12" s="24"/>
      <c r="H12" s="25"/>
    </row>
    <row r="13" spans="1:8" ht="13.9" customHeight="1" thickBot="1" x14ac:dyDescent="0.45">
      <c r="A13" s="17">
        <v>4</v>
      </c>
      <c r="B13" s="18">
        <v>44544</v>
      </c>
      <c r="C13" s="20" t="s">
        <v>18</v>
      </c>
      <c r="D13" s="23" t="s">
        <v>11</v>
      </c>
      <c r="E13" s="6" t="s">
        <v>12</v>
      </c>
      <c r="F13" s="24"/>
      <c r="G13" s="24"/>
      <c r="H13" s="25"/>
    </row>
    <row r="14" spans="1:8" ht="13.9" customHeight="1" thickBot="1" x14ac:dyDescent="0.45">
      <c r="A14" s="17"/>
      <c r="B14" s="19"/>
      <c r="C14" s="21"/>
      <c r="D14" s="23"/>
      <c r="E14" s="7" t="s">
        <v>13</v>
      </c>
      <c r="F14" s="24"/>
      <c r="G14" s="24"/>
      <c r="H14" s="25"/>
    </row>
    <row r="15" spans="1:8" ht="13.9" customHeight="1" thickBot="1" x14ac:dyDescent="0.45">
      <c r="A15" s="17"/>
      <c r="B15" s="19"/>
      <c r="C15" s="22"/>
      <c r="D15" s="23"/>
      <c r="E15" s="8" t="s">
        <v>14</v>
      </c>
      <c r="F15" s="24"/>
      <c r="G15" s="24"/>
      <c r="H15" s="25"/>
    </row>
    <row r="16" spans="1:8" ht="13.9" customHeight="1" thickBot="1" x14ac:dyDescent="0.45">
      <c r="A16" s="17">
        <v>5</v>
      </c>
      <c r="B16" s="18">
        <v>44545</v>
      </c>
      <c r="C16" s="20" t="s">
        <v>19</v>
      </c>
      <c r="D16" s="23" t="s">
        <v>11</v>
      </c>
      <c r="E16" s="6" t="s">
        <v>12</v>
      </c>
      <c r="F16" s="24"/>
      <c r="G16" s="24"/>
      <c r="H16" s="25"/>
    </row>
    <row r="17" spans="1:8" ht="13.9" customHeight="1" thickBot="1" x14ac:dyDescent="0.45">
      <c r="A17" s="17"/>
      <c r="B17" s="19"/>
      <c r="C17" s="21"/>
      <c r="D17" s="23"/>
      <c r="E17" s="7" t="s">
        <v>13</v>
      </c>
      <c r="F17" s="24"/>
      <c r="G17" s="24"/>
      <c r="H17" s="25"/>
    </row>
    <row r="18" spans="1:8" ht="13.9" customHeight="1" thickBot="1" x14ac:dyDescent="0.45">
      <c r="A18" s="17"/>
      <c r="B18" s="19"/>
      <c r="C18" s="22"/>
      <c r="D18" s="23"/>
      <c r="E18" s="8" t="s">
        <v>14</v>
      </c>
      <c r="F18" s="24"/>
      <c r="G18" s="24"/>
      <c r="H18" s="25"/>
    </row>
    <row r="19" spans="1:8" ht="13.9" customHeight="1" thickBot="1" x14ac:dyDescent="0.45">
      <c r="A19" s="17">
        <v>6</v>
      </c>
      <c r="B19" s="18">
        <v>44546</v>
      </c>
      <c r="C19" s="20" t="s">
        <v>20</v>
      </c>
      <c r="D19" s="23" t="s">
        <v>11</v>
      </c>
      <c r="E19" s="6" t="s">
        <v>12</v>
      </c>
      <c r="F19" s="24"/>
      <c r="G19" s="24"/>
      <c r="H19" s="25"/>
    </row>
    <row r="20" spans="1:8" ht="13.9" customHeight="1" thickBot="1" x14ac:dyDescent="0.45">
      <c r="A20" s="17"/>
      <c r="B20" s="19"/>
      <c r="C20" s="21"/>
      <c r="D20" s="23"/>
      <c r="E20" s="7" t="s">
        <v>13</v>
      </c>
      <c r="F20" s="24"/>
      <c r="G20" s="24"/>
      <c r="H20" s="25"/>
    </row>
    <row r="21" spans="1:8" ht="13.9" customHeight="1" thickBot="1" x14ac:dyDescent="0.45">
      <c r="A21" s="17"/>
      <c r="B21" s="19"/>
      <c r="C21" s="22"/>
      <c r="D21" s="23"/>
      <c r="E21" s="8" t="s">
        <v>14</v>
      </c>
      <c r="F21" s="24"/>
      <c r="G21" s="24"/>
      <c r="H21" s="25"/>
    </row>
    <row r="22" spans="1:8" ht="13.9" customHeight="1" thickBot="1" x14ac:dyDescent="0.45">
      <c r="A22" s="17">
        <v>7</v>
      </c>
      <c r="B22" s="18">
        <v>44547</v>
      </c>
      <c r="C22" s="20" t="s">
        <v>10</v>
      </c>
      <c r="D22" s="23" t="s">
        <v>11</v>
      </c>
      <c r="E22" s="6" t="s">
        <v>12</v>
      </c>
      <c r="F22" s="24"/>
      <c r="G22" s="24"/>
      <c r="H22" s="25"/>
    </row>
    <row r="23" spans="1:8" ht="13.9" customHeight="1" thickBot="1" x14ac:dyDescent="0.45">
      <c r="A23" s="17"/>
      <c r="B23" s="19"/>
      <c r="C23" s="21"/>
      <c r="D23" s="23"/>
      <c r="E23" s="7" t="s">
        <v>13</v>
      </c>
      <c r="F23" s="24"/>
      <c r="G23" s="24"/>
      <c r="H23" s="25"/>
    </row>
    <row r="24" spans="1:8" ht="13.9" customHeight="1" thickBot="1" x14ac:dyDescent="0.45">
      <c r="A24" s="17"/>
      <c r="B24" s="19"/>
      <c r="C24" s="22"/>
      <c r="D24" s="23"/>
      <c r="E24" s="8" t="s">
        <v>14</v>
      </c>
      <c r="F24" s="24"/>
      <c r="G24" s="24"/>
      <c r="H24" s="25"/>
    </row>
    <row r="25" spans="1:8" ht="13.9" customHeight="1" thickBot="1" x14ac:dyDescent="0.45">
      <c r="A25" s="17" t="s">
        <v>21</v>
      </c>
      <c r="B25" s="18">
        <v>44548</v>
      </c>
      <c r="C25" s="20" t="s">
        <v>15</v>
      </c>
      <c r="D25" s="23" t="s">
        <v>11</v>
      </c>
      <c r="E25" s="6" t="s">
        <v>12</v>
      </c>
      <c r="F25" s="24"/>
      <c r="G25" s="24"/>
      <c r="H25" s="25"/>
    </row>
    <row r="26" spans="1:8" ht="13.9" customHeight="1" thickBot="1" x14ac:dyDescent="0.45">
      <c r="A26" s="17"/>
      <c r="B26" s="19"/>
      <c r="C26" s="21"/>
      <c r="D26" s="23"/>
      <c r="E26" s="7" t="s">
        <v>13</v>
      </c>
      <c r="F26" s="24"/>
      <c r="G26" s="24"/>
      <c r="H26" s="25"/>
    </row>
    <row r="27" spans="1:8" ht="13.9" customHeight="1" thickBot="1" x14ac:dyDescent="0.45">
      <c r="A27" s="17"/>
      <c r="B27" s="19"/>
      <c r="C27" s="22"/>
      <c r="D27" s="23"/>
      <c r="E27" s="8" t="s">
        <v>14</v>
      </c>
      <c r="F27" s="24"/>
      <c r="G27" s="24"/>
      <c r="H27" s="25"/>
    </row>
    <row r="28" spans="1:8" ht="16.149999999999999" customHeight="1" x14ac:dyDescent="0.4">
      <c r="A28" s="9" t="s">
        <v>22</v>
      </c>
      <c r="B28" s="10" t="s">
        <v>23</v>
      </c>
    </row>
    <row r="29" spans="1:8" ht="16.149999999999999" customHeight="1" x14ac:dyDescent="0.4">
      <c r="B29" s="10" t="s">
        <v>24</v>
      </c>
    </row>
    <row r="30" spans="1:8" ht="16.149999999999999" customHeight="1" x14ac:dyDescent="0.4">
      <c r="B30" s="10" t="s">
        <v>25</v>
      </c>
    </row>
  </sheetData>
  <mergeCells count="57">
    <mergeCell ref="H22:H24"/>
    <mergeCell ref="A25:A27"/>
    <mergeCell ref="B25:B27"/>
    <mergeCell ref="C25:C27"/>
    <mergeCell ref="D25:D27"/>
    <mergeCell ref="F25:F27"/>
    <mergeCell ref="G25:G27"/>
    <mergeCell ref="H25:H27"/>
    <mergeCell ref="A22:A24"/>
    <mergeCell ref="B22:B24"/>
    <mergeCell ref="C22:C24"/>
    <mergeCell ref="D22:D24"/>
    <mergeCell ref="F22:F24"/>
    <mergeCell ref="G22:G24"/>
    <mergeCell ref="H16:H18"/>
    <mergeCell ref="A19:A21"/>
    <mergeCell ref="B19:B21"/>
    <mergeCell ref="C19:C21"/>
    <mergeCell ref="D19:D21"/>
    <mergeCell ref="F19:F21"/>
    <mergeCell ref="G19:G21"/>
    <mergeCell ref="H19:H21"/>
    <mergeCell ref="A16:A18"/>
    <mergeCell ref="B16:B18"/>
    <mergeCell ref="C16:C18"/>
    <mergeCell ref="D16:D18"/>
    <mergeCell ref="F16:F18"/>
    <mergeCell ref="G16:G18"/>
    <mergeCell ref="H10:H12"/>
    <mergeCell ref="A13:A15"/>
    <mergeCell ref="B13:B15"/>
    <mergeCell ref="C13:C15"/>
    <mergeCell ref="D13:D15"/>
    <mergeCell ref="F13:F15"/>
    <mergeCell ref="G13:G15"/>
    <mergeCell ref="H13:H15"/>
    <mergeCell ref="A10:A12"/>
    <mergeCell ref="B10:B12"/>
    <mergeCell ref="C10:C12"/>
    <mergeCell ref="D10:D12"/>
    <mergeCell ref="F10:F12"/>
    <mergeCell ref="G10:G12"/>
    <mergeCell ref="G4:G6"/>
    <mergeCell ref="H4:H6"/>
    <mergeCell ref="A7:A9"/>
    <mergeCell ref="B7:B9"/>
    <mergeCell ref="C7:C9"/>
    <mergeCell ref="D7:D9"/>
    <mergeCell ref="F7:F9"/>
    <mergeCell ref="G7:G9"/>
    <mergeCell ref="H7:H9"/>
    <mergeCell ref="F4:F6"/>
    <mergeCell ref="C1:E1"/>
    <mergeCell ref="A4:A6"/>
    <mergeCell ref="B4:B6"/>
    <mergeCell ref="C4:C6"/>
    <mergeCell ref="D4:D6"/>
  </mergeCells>
  <phoneticPr fontId="7"/>
  <pageMargins left="0.31388888888888899" right="0.31388888888888899" top="0.35416666666666702" bottom="0.35416666666666702" header="0.31388888888888899" footer="0.31388888888888899"/>
  <pageSetup paperSize="9" orientation="landscape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30"/>
  <sheetViews>
    <sheetView topLeftCell="A10" workbookViewId="0">
      <selection activeCell="E26" sqref="E26"/>
    </sheetView>
  </sheetViews>
  <sheetFormatPr defaultColWidth="9" defaultRowHeight="18.75" x14ac:dyDescent="0.4"/>
  <cols>
    <col min="1" max="1" width="5.125" customWidth="1"/>
    <col min="2" max="2" width="12" customWidth="1"/>
    <col min="3" max="3" width="6.5" customWidth="1"/>
    <col min="5" max="5" width="41.125" customWidth="1"/>
    <col min="6" max="7" width="15" customWidth="1"/>
    <col min="8" max="8" width="19.875" customWidth="1"/>
  </cols>
  <sheetData>
    <row r="1" spans="1:8" ht="24" customHeight="1" x14ac:dyDescent="0.4">
      <c r="A1" s="11" t="s">
        <v>0</v>
      </c>
      <c r="C1" s="15" t="s">
        <v>1</v>
      </c>
      <c r="D1" s="16"/>
      <c r="E1" s="16"/>
    </row>
    <row r="2" spans="1:8" ht="25.15" customHeight="1" thickBot="1" x14ac:dyDescent="0.45">
      <c r="C2" s="1" t="s">
        <v>2</v>
      </c>
    </row>
    <row r="3" spans="1:8" ht="15" customHeight="1" thickBot="1" x14ac:dyDescent="0.45">
      <c r="A3" s="13"/>
      <c r="B3" s="3" t="s">
        <v>3</v>
      </c>
      <c r="C3" s="3" t="s">
        <v>4</v>
      </c>
      <c r="D3" s="3" t="s">
        <v>5</v>
      </c>
      <c r="E3" s="4" t="s">
        <v>6</v>
      </c>
      <c r="F3" s="4" t="s">
        <v>7</v>
      </c>
      <c r="G3" s="4" t="s">
        <v>8</v>
      </c>
      <c r="H3" s="5" t="s">
        <v>9</v>
      </c>
    </row>
    <row r="4" spans="1:8" ht="13.9" customHeight="1" thickBot="1" x14ac:dyDescent="0.45">
      <c r="A4" s="17">
        <v>1</v>
      </c>
      <c r="B4" s="18">
        <v>44926</v>
      </c>
      <c r="C4" s="20" t="s">
        <v>27</v>
      </c>
      <c r="D4" s="23" t="s">
        <v>11</v>
      </c>
      <c r="E4" s="6" t="s">
        <v>12</v>
      </c>
      <c r="F4" s="24"/>
      <c r="G4" s="24"/>
      <c r="H4" s="25"/>
    </row>
    <row r="5" spans="1:8" ht="13.9" customHeight="1" thickBot="1" x14ac:dyDescent="0.45">
      <c r="A5" s="17"/>
      <c r="B5" s="19"/>
      <c r="C5" s="21"/>
      <c r="D5" s="23"/>
      <c r="E5" s="7" t="s">
        <v>13</v>
      </c>
      <c r="F5" s="24"/>
      <c r="G5" s="24"/>
      <c r="H5" s="25"/>
    </row>
    <row r="6" spans="1:8" ht="13.9" customHeight="1" thickBot="1" x14ac:dyDescent="0.45">
      <c r="A6" s="17"/>
      <c r="B6" s="19"/>
      <c r="C6" s="22"/>
      <c r="D6" s="23"/>
      <c r="E6" s="8" t="s">
        <v>14</v>
      </c>
      <c r="F6" s="24"/>
      <c r="G6" s="24"/>
      <c r="H6" s="25"/>
    </row>
    <row r="7" spans="1:8" ht="13.9" customHeight="1" thickBot="1" x14ac:dyDescent="0.45">
      <c r="A7" s="17">
        <v>2</v>
      </c>
      <c r="B7" s="18">
        <v>44927</v>
      </c>
      <c r="C7" s="20" t="s">
        <v>15</v>
      </c>
      <c r="D7" s="23" t="s">
        <v>11</v>
      </c>
      <c r="E7" s="6" t="s">
        <v>12</v>
      </c>
      <c r="F7" s="24"/>
      <c r="G7" s="24"/>
      <c r="H7" s="25"/>
    </row>
    <row r="8" spans="1:8" ht="13.9" customHeight="1" thickBot="1" x14ac:dyDescent="0.45">
      <c r="A8" s="17"/>
      <c r="B8" s="19"/>
      <c r="C8" s="21"/>
      <c r="D8" s="23"/>
      <c r="E8" s="7" t="s">
        <v>13</v>
      </c>
      <c r="F8" s="24"/>
      <c r="G8" s="24"/>
      <c r="H8" s="25"/>
    </row>
    <row r="9" spans="1:8" ht="13.9" customHeight="1" thickBot="1" x14ac:dyDescent="0.45">
      <c r="A9" s="17"/>
      <c r="B9" s="19"/>
      <c r="C9" s="22"/>
      <c r="D9" s="23"/>
      <c r="E9" s="8" t="s">
        <v>14</v>
      </c>
      <c r="F9" s="24"/>
      <c r="G9" s="24"/>
      <c r="H9" s="25"/>
    </row>
    <row r="10" spans="1:8" ht="13.9" customHeight="1" thickBot="1" x14ac:dyDescent="0.45">
      <c r="A10" s="17">
        <v>3</v>
      </c>
      <c r="B10" s="18">
        <v>44928</v>
      </c>
      <c r="C10" s="20" t="s">
        <v>16</v>
      </c>
      <c r="D10" s="23" t="s">
        <v>11</v>
      </c>
      <c r="E10" s="6" t="s">
        <v>12</v>
      </c>
      <c r="F10" s="24"/>
      <c r="G10" s="24"/>
      <c r="H10" s="25"/>
    </row>
    <row r="11" spans="1:8" ht="13.9" customHeight="1" thickBot="1" x14ac:dyDescent="0.45">
      <c r="A11" s="17"/>
      <c r="B11" s="19"/>
      <c r="C11" s="21"/>
      <c r="D11" s="23"/>
      <c r="E11" s="7" t="s">
        <v>13</v>
      </c>
      <c r="F11" s="24"/>
      <c r="G11" s="24"/>
      <c r="H11" s="25"/>
    </row>
    <row r="12" spans="1:8" ht="13.9" customHeight="1" thickBot="1" x14ac:dyDescent="0.45">
      <c r="A12" s="17"/>
      <c r="B12" s="19"/>
      <c r="C12" s="22"/>
      <c r="D12" s="23"/>
      <c r="E12" s="8" t="s">
        <v>14</v>
      </c>
      <c r="F12" s="24"/>
      <c r="G12" s="24"/>
      <c r="H12" s="25"/>
    </row>
    <row r="13" spans="1:8" ht="13.9" customHeight="1" thickBot="1" x14ac:dyDescent="0.45">
      <c r="A13" s="17">
        <v>4</v>
      </c>
      <c r="B13" s="18">
        <v>44929</v>
      </c>
      <c r="C13" s="20" t="s">
        <v>17</v>
      </c>
      <c r="D13" s="23" t="s">
        <v>11</v>
      </c>
      <c r="E13" s="6" t="s">
        <v>12</v>
      </c>
      <c r="F13" s="24"/>
      <c r="G13" s="24"/>
      <c r="H13" s="25"/>
    </row>
    <row r="14" spans="1:8" ht="13.9" customHeight="1" thickBot="1" x14ac:dyDescent="0.45">
      <c r="A14" s="17"/>
      <c r="B14" s="19"/>
      <c r="C14" s="21"/>
      <c r="D14" s="23"/>
      <c r="E14" s="7" t="s">
        <v>13</v>
      </c>
      <c r="F14" s="24"/>
      <c r="G14" s="24"/>
      <c r="H14" s="25"/>
    </row>
    <row r="15" spans="1:8" ht="13.9" customHeight="1" thickBot="1" x14ac:dyDescent="0.45">
      <c r="A15" s="17"/>
      <c r="B15" s="19"/>
      <c r="C15" s="22"/>
      <c r="D15" s="23"/>
      <c r="E15" s="8" t="s">
        <v>14</v>
      </c>
      <c r="F15" s="24"/>
      <c r="G15" s="24"/>
      <c r="H15" s="25"/>
    </row>
    <row r="16" spans="1:8" ht="13.9" customHeight="1" thickBot="1" x14ac:dyDescent="0.45">
      <c r="A16" s="17">
        <v>5</v>
      </c>
      <c r="B16" s="18">
        <v>44930</v>
      </c>
      <c r="C16" s="20" t="s">
        <v>18</v>
      </c>
      <c r="D16" s="23" t="s">
        <v>11</v>
      </c>
      <c r="E16" s="6" t="s">
        <v>12</v>
      </c>
      <c r="F16" s="24"/>
      <c r="G16" s="24"/>
      <c r="H16" s="25"/>
    </row>
    <row r="17" spans="1:8" ht="13.9" customHeight="1" thickBot="1" x14ac:dyDescent="0.45">
      <c r="A17" s="17"/>
      <c r="B17" s="19"/>
      <c r="C17" s="21"/>
      <c r="D17" s="23"/>
      <c r="E17" s="7" t="s">
        <v>13</v>
      </c>
      <c r="F17" s="24"/>
      <c r="G17" s="24"/>
      <c r="H17" s="25"/>
    </row>
    <row r="18" spans="1:8" ht="13.9" customHeight="1" thickBot="1" x14ac:dyDescent="0.45">
      <c r="A18" s="17"/>
      <c r="B18" s="19"/>
      <c r="C18" s="22"/>
      <c r="D18" s="23"/>
      <c r="E18" s="8" t="s">
        <v>14</v>
      </c>
      <c r="F18" s="24"/>
      <c r="G18" s="24"/>
      <c r="H18" s="25"/>
    </row>
    <row r="19" spans="1:8" ht="13.9" customHeight="1" thickBot="1" x14ac:dyDescent="0.45">
      <c r="A19" s="17">
        <v>6</v>
      </c>
      <c r="B19" s="18">
        <v>44931</v>
      </c>
      <c r="C19" s="20" t="s">
        <v>19</v>
      </c>
      <c r="D19" s="23" t="s">
        <v>11</v>
      </c>
      <c r="E19" s="6" t="s">
        <v>12</v>
      </c>
      <c r="F19" s="24"/>
      <c r="G19" s="24"/>
      <c r="H19" s="25"/>
    </row>
    <row r="20" spans="1:8" ht="13.9" customHeight="1" thickBot="1" x14ac:dyDescent="0.45">
      <c r="A20" s="17"/>
      <c r="B20" s="19"/>
      <c r="C20" s="21"/>
      <c r="D20" s="23"/>
      <c r="E20" s="7" t="s">
        <v>13</v>
      </c>
      <c r="F20" s="24"/>
      <c r="G20" s="24"/>
      <c r="H20" s="25"/>
    </row>
    <row r="21" spans="1:8" ht="13.9" customHeight="1" thickBot="1" x14ac:dyDescent="0.45">
      <c r="A21" s="17"/>
      <c r="B21" s="19"/>
      <c r="C21" s="22"/>
      <c r="D21" s="23"/>
      <c r="E21" s="8" t="s">
        <v>14</v>
      </c>
      <c r="F21" s="24"/>
      <c r="G21" s="24"/>
      <c r="H21" s="25"/>
    </row>
    <row r="22" spans="1:8" ht="13.9" customHeight="1" thickBot="1" x14ac:dyDescent="0.45">
      <c r="A22" s="17">
        <v>7</v>
      </c>
      <c r="B22" s="18">
        <v>44932</v>
      </c>
      <c r="C22" s="20" t="s">
        <v>20</v>
      </c>
      <c r="D22" s="23" t="s">
        <v>11</v>
      </c>
      <c r="E22" s="6" t="s">
        <v>12</v>
      </c>
      <c r="F22" s="24"/>
      <c r="G22" s="24"/>
      <c r="H22" s="25"/>
    </row>
    <row r="23" spans="1:8" ht="13.9" customHeight="1" thickBot="1" x14ac:dyDescent="0.45">
      <c r="A23" s="17"/>
      <c r="B23" s="19"/>
      <c r="C23" s="21"/>
      <c r="D23" s="23"/>
      <c r="E23" s="7" t="s">
        <v>13</v>
      </c>
      <c r="F23" s="24"/>
      <c r="G23" s="24"/>
      <c r="H23" s="25"/>
    </row>
    <row r="24" spans="1:8" ht="13.9" customHeight="1" thickBot="1" x14ac:dyDescent="0.45">
      <c r="A24" s="17"/>
      <c r="B24" s="19"/>
      <c r="C24" s="22"/>
      <c r="D24" s="23"/>
      <c r="E24" s="8" t="s">
        <v>14</v>
      </c>
      <c r="F24" s="24"/>
      <c r="G24" s="24"/>
      <c r="H24" s="25"/>
    </row>
    <row r="25" spans="1:8" ht="13.9" customHeight="1" thickBot="1" x14ac:dyDescent="0.45">
      <c r="A25" s="17" t="s">
        <v>21</v>
      </c>
      <c r="B25" s="18">
        <v>44933</v>
      </c>
      <c r="C25" s="20" t="s">
        <v>10</v>
      </c>
      <c r="D25" s="23" t="s">
        <v>11</v>
      </c>
      <c r="E25" s="6" t="s">
        <v>12</v>
      </c>
      <c r="F25" s="24"/>
      <c r="G25" s="24"/>
      <c r="H25" s="25"/>
    </row>
    <row r="26" spans="1:8" ht="13.9" customHeight="1" thickBot="1" x14ac:dyDescent="0.45">
      <c r="A26" s="17"/>
      <c r="B26" s="19"/>
      <c r="C26" s="21"/>
      <c r="D26" s="23"/>
      <c r="E26" s="7" t="s">
        <v>13</v>
      </c>
      <c r="F26" s="24"/>
      <c r="G26" s="24"/>
      <c r="H26" s="25"/>
    </row>
    <row r="27" spans="1:8" ht="13.9" customHeight="1" thickBot="1" x14ac:dyDescent="0.45">
      <c r="A27" s="17"/>
      <c r="B27" s="19"/>
      <c r="C27" s="22"/>
      <c r="D27" s="23"/>
      <c r="E27" s="8" t="s">
        <v>14</v>
      </c>
      <c r="F27" s="24"/>
      <c r="G27" s="24"/>
      <c r="H27" s="25"/>
    </row>
    <row r="28" spans="1:8" ht="16.149999999999999" customHeight="1" x14ac:dyDescent="0.4">
      <c r="A28" s="9" t="s">
        <v>22</v>
      </c>
      <c r="B28" s="10" t="s">
        <v>23</v>
      </c>
    </row>
    <row r="29" spans="1:8" ht="16.149999999999999" customHeight="1" x14ac:dyDescent="0.4">
      <c r="B29" s="10" t="s">
        <v>24</v>
      </c>
    </row>
    <row r="30" spans="1:8" ht="16.149999999999999" customHeight="1" x14ac:dyDescent="0.4">
      <c r="B30" s="10" t="s">
        <v>25</v>
      </c>
    </row>
  </sheetData>
  <mergeCells count="57">
    <mergeCell ref="H22:H24"/>
    <mergeCell ref="A25:A27"/>
    <mergeCell ref="B25:B27"/>
    <mergeCell ref="C25:C27"/>
    <mergeCell ref="D25:D27"/>
    <mergeCell ref="F25:F27"/>
    <mergeCell ref="G25:G27"/>
    <mergeCell ref="H25:H27"/>
    <mergeCell ref="A22:A24"/>
    <mergeCell ref="B22:B24"/>
    <mergeCell ref="C22:C24"/>
    <mergeCell ref="D22:D24"/>
    <mergeCell ref="F22:F24"/>
    <mergeCell ref="G22:G24"/>
    <mergeCell ref="H16:H18"/>
    <mergeCell ref="A19:A21"/>
    <mergeCell ref="B19:B21"/>
    <mergeCell ref="C19:C21"/>
    <mergeCell ref="D19:D21"/>
    <mergeCell ref="F19:F21"/>
    <mergeCell ref="G19:G21"/>
    <mergeCell ref="H19:H21"/>
    <mergeCell ref="A16:A18"/>
    <mergeCell ref="B16:B18"/>
    <mergeCell ref="C16:C18"/>
    <mergeCell ref="D16:D18"/>
    <mergeCell ref="F16:F18"/>
    <mergeCell ref="G16:G18"/>
    <mergeCell ref="H10:H12"/>
    <mergeCell ref="A13:A15"/>
    <mergeCell ref="B13:B15"/>
    <mergeCell ref="C13:C15"/>
    <mergeCell ref="D13:D15"/>
    <mergeCell ref="F13:F15"/>
    <mergeCell ref="G13:G15"/>
    <mergeCell ref="H13:H15"/>
    <mergeCell ref="A10:A12"/>
    <mergeCell ref="B10:B12"/>
    <mergeCell ref="C10:C12"/>
    <mergeCell ref="D10:D12"/>
    <mergeCell ref="F10:F12"/>
    <mergeCell ref="G10:G12"/>
    <mergeCell ref="G4:G6"/>
    <mergeCell ref="H4:H6"/>
    <mergeCell ref="A7:A9"/>
    <mergeCell ref="B7:B9"/>
    <mergeCell ref="C7:C9"/>
    <mergeCell ref="D7:D9"/>
    <mergeCell ref="F7:F9"/>
    <mergeCell ref="G7:G9"/>
    <mergeCell ref="H7:H9"/>
    <mergeCell ref="F4:F6"/>
    <mergeCell ref="C1:E1"/>
    <mergeCell ref="A4:A6"/>
    <mergeCell ref="B4:B6"/>
    <mergeCell ref="C4:C6"/>
    <mergeCell ref="D4:D6"/>
  </mergeCells>
  <phoneticPr fontId="7"/>
  <pageMargins left="0.31388888888888899" right="0.31388888888888899" top="0.35416666666666702" bottom="0.35416666666666702" header="0.31388888888888899" footer="0.31388888888888899"/>
  <pageSetup paperSize="9" orientation="landscape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30"/>
  <sheetViews>
    <sheetView topLeftCell="A8" workbookViewId="0">
      <selection activeCell="D25" sqref="D25:D27"/>
    </sheetView>
  </sheetViews>
  <sheetFormatPr defaultColWidth="9" defaultRowHeight="18.75" x14ac:dyDescent="0.4"/>
  <cols>
    <col min="1" max="1" width="5.125" customWidth="1"/>
    <col min="2" max="2" width="12" customWidth="1"/>
    <col min="3" max="3" width="6.5" customWidth="1"/>
    <col min="5" max="5" width="41.125" customWidth="1"/>
    <col min="6" max="7" width="15" customWidth="1"/>
    <col min="8" max="8" width="19.875" customWidth="1"/>
  </cols>
  <sheetData>
    <row r="1" spans="1:8" ht="24" customHeight="1" x14ac:dyDescent="0.4">
      <c r="A1" s="11" t="s">
        <v>0</v>
      </c>
      <c r="C1" s="15" t="s">
        <v>1</v>
      </c>
      <c r="D1" s="16"/>
      <c r="E1" s="16"/>
    </row>
    <row r="2" spans="1:8" ht="25.15" customHeight="1" thickBot="1" x14ac:dyDescent="0.45">
      <c r="C2" s="1" t="s">
        <v>2</v>
      </c>
    </row>
    <row r="3" spans="1:8" ht="15" customHeight="1" thickBot="1" x14ac:dyDescent="0.45">
      <c r="A3" s="13"/>
      <c r="B3" s="3" t="s">
        <v>3</v>
      </c>
      <c r="C3" s="3" t="s">
        <v>4</v>
      </c>
      <c r="D3" s="3" t="s">
        <v>5</v>
      </c>
      <c r="E3" s="4" t="s">
        <v>6</v>
      </c>
      <c r="F3" s="4" t="s">
        <v>7</v>
      </c>
      <c r="G3" s="4" t="s">
        <v>8</v>
      </c>
      <c r="H3" s="5" t="s">
        <v>9</v>
      </c>
    </row>
    <row r="4" spans="1:8" ht="13.9" customHeight="1" thickBot="1" x14ac:dyDescent="0.45">
      <c r="A4" s="17">
        <v>1</v>
      </c>
      <c r="B4" s="18">
        <v>44589</v>
      </c>
      <c r="C4" s="20" t="s">
        <v>27</v>
      </c>
      <c r="D4" s="23" t="s">
        <v>11</v>
      </c>
      <c r="E4" s="6" t="s">
        <v>12</v>
      </c>
      <c r="F4" s="24"/>
      <c r="G4" s="24"/>
      <c r="H4" s="25"/>
    </row>
    <row r="5" spans="1:8" ht="13.9" customHeight="1" thickBot="1" x14ac:dyDescent="0.45">
      <c r="A5" s="17"/>
      <c r="B5" s="19"/>
      <c r="C5" s="21"/>
      <c r="D5" s="23"/>
      <c r="E5" s="7" t="s">
        <v>13</v>
      </c>
      <c r="F5" s="24"/>
      <c r="G5" s="24"/>
      <c r="H5" s="25"/>
    </row>
    <row r="6" spans="1:8" ht="13.9" customHeight="1" thickBot="1" x14ac:dyDescent="0.45">
      <c r="A6" s="17"/>
      <c r="B6" s="19"/>
      <c r="C6" s="22"/>
      <c r="D6" s="23"/>
      <c r="E6" s="8" t="s">
        <v>14</v>
      </c>
      <c r="F6" s="24"/>
      <c r="G6" s="24"/>
      <c r="H6" s="25"/>
    </row>
    <row r="7" spans="1:8" ht="13.9" customHeight="1" thickBot="1" x14ac:dyDescent="0.45">
      <c r="A7" s="17">
        <v>2</v>
      </c>
      <c r="B7" s="18">
        <v>44590</v>
      </c>
      <c r="C7" s="20" t="s">
        <v>15</v>
      </c>
      <c r="D7" s="23" t="s">
        <v>11</v>
      </c>
      <c r="E7" s="6" t="s">
        <v>12</v>
      </c>
      <c r="F7" s="24"/>
      <c r="G7" s="24"/>
      <c r="H7" s="25"/>
    </row>
    <row r="8" spans="1:8" ht="13.9" customHeight="1" thickBot="1" x14ac:dyDescent="0.45">
      <c r="A8" s="17"/>
      <c r="B8" s="19"/>
      <c r="C8" s="21"/>
      <c r="D8" s="23"/>
      <c r="E8" s="7" t="s">
        <v>13</v>
      </c>
      <c r="F8" s="24"/>
      <c r="G8" s="24"/>
      <c r="H8" s="25"/>
    </row>
    <row r="9" spans="1:8" ht="13.9" customHeight="1" thickBot="1" x14ac:dyDescent="0.45">
      <c r="A9" s="17"/>
      <c r="B9" s="19"/>
      <c r="C9" s="22"/>
      <c r="D9" s="23"/>
      <c r="E9" s="8" t="s">
        <v>14</v>
      </c>
      <c r="F9" s="24"/>
      <c r="G9" s="24"/>
      <c r="H9" s="25"/>
    </row>
    <row r="10" spans="1:8" ht="13.9" customHeight="1" thickBot="1" x14ac:dyDescent="0.45">
      <c r="A10" s="17">
        <v>3</v>
      </c>
      <c r="B10" s="18">
        <v>44591</v>
      </c>
      <c r="C10" s="20" t="s">
        <v>16</v>
      </c>
      <c r="D10" s="23" t="s">
        <v>11</v>
      </c>
      <c r="E10" s="6" t="s">
        <v>12</v>
      </c>
      <c r="F10" s="24"/>
      <c r="G10" s="24"/>
      <c r="H10" s="25"/>
    </row>
    <row r="11" spans="1:8" ht="13.9" customHeight="1" thickBot="1" x14ac:dyDescent="0.45">
      <c r="A11" s="17"/>
      <c r="B11" s="19"/>
      <c r="C11" s="21"/>
      <c r="D11" s="23"/>
      <c r="E11" s="7" t="s">
        <v>13</v>
      </c>
      <c r="F11" s="24"/>
      <c r="G11" s="24"/>
      <c r="H11" s="25"/>
    </row>
    <row r="12" spans="1:8" ht="13.9" customHeight="1" thickBot="1" x14ac:dyDescent="0.45">
      <c r="A12" s="17"/>
      <c r="B12" s="19"/>
      <c r="C12" s="22"/>
      <c r="D12" s="23"/>
      <c r="E12" s="8" t="s">
        <v>14</v>
      </c>
      <c r="F12" s="24"/>
      <c r="G12" s="24"/>
      <c r="H12" s="25"/>
    </row>
    <row r="13" spans="1:8" ht="13.9" customHeight="1" thickBot="1" x14ac:dyDescent="0.45">
      <c r="A13" s="17">
        <v>4</v>
      </c>
      <c r="B13" s="18">
        <v>44592</v>
      </c>
      <c r="C13" s="20" t="s">
        <v>17</v>
      </c>
      <c r="D13" s="23" t="s">
        <v>11</v>
      </c>
      <c r="E13" s="6" t="s">
        <v>12</v>
      </c>
      <c r="F13" s="24"/>
      <c r="G13" s="24"/>
      <c r="H13" s="25"/>
    </row>
    <row r="14" spans="1:8" ht="13.9" customHeight="1" thickBot="1" x14ac:dyDescent="0.45">
      <c r="A14" s="17"/>
      <c r="B14" s="19"/>
      <c r="C14" s="21"/>
      <c r="D14" s="23"/>
      <c r="E14" s="7" t="s">
        <v>13</v>
      </c>
      <c r="F14" s="24"/>
      <c r="G14" s="24"/>
      <c r="H14" s="25"/>
    </row>
    <row r="15" spans="1:8" ht="13.9" customHeight="1" thickBot="1" x14ac:dyDescent="0.45">
      <c r="A15" s="17"/>
      <c r="B15" s="19"/>
      <c r="C15" s="22"/>
      <c r="D15" s="23"/>
      <c r="E15" s="8" t="s">
        <v>14</v>
      </c>
      <c r="F15" s="24"/>
      <c r="G15" s="24"/>
      <c r="H15" s="25"/>
    </row>
    <row r="16" spans="1:8" ht="13.9" customHeight="1" thickBot="1" x14ac:dyDescent="0.45">
      <c r="A16" s="17">
        <v>5</v>
      </c>
      <c r="B16" s="18">
        <v>44593</v>
      </c>
      <c r="C16" s="20" t="s">
        <v>18</v>
      </c>
      <c r="D16" s="23" t="s">
        <v>11</v>
      </c>
      <c r="E16" s="6" t="s">
        <v>12</v>
      </c>
      <c r="F16" s="24"/>
      <c r="G16" s="24"/>
      <c r="H16" s="25"/>
    </row>
    <row r="17" spans="1:8" ht="13.9" customHeight="1" thickBot="1" x14ac:dyDescent="0.45">
      <c r="A17" s="17"/>
      <c r="B17" s="19"/>
      <c r="C17" s="21"/>
      <c r="D17" s="23"/>
      <c r="E17" s="7" t="s">
        <v>13</v>
      </c>
      <c r="F17" s="24"/>
      <c r="G17" s="24"/>
      <c r="H17" s="25"/>
    </row>
    <row r="18" spans="1:8" ht="13.9" customHeight="1" thickBot="1" x14ac:dyDescent="0.45">
      <c r="A18" s="17"/>
      <c r="B18" s="19"/>
      <c r="C18" s="22"/>
      <c r="D18" s="23"/>
      <c r="E18" s="8" t="s">
        <v>14</v>
      </c>
      <c r="F18" s="24"/>
      <c r="G18" s="24"/>
      <c r="H18" s="25"/>
    </row>
    <row r="19" spans="1:8" ht="13.9" customHeight="1" thickBot="1" x14ac:dyDescent="0.45">
      <c r="A19" s="17">
        <v>6</v>
      </c>
      <c r="B19" s="18">
        <v>44594</v>
      </c>
      <c r="C19" s="20" t="s">
        <v>19</v>
      </c>
      <c r="D19" s="23" t="s">
        <v>11</v>
      </c>
      <c r="E19" s="6" t="s">
        <v>12</v>
      </c>
      <c r="F19" s="24"/>
      <c r="G19" s="24"/>
      <c r="H19" s="25"/>
    </row>
    <row r="20" spans="1:8" ht="13.9" customHeight="1" thickBot="1" x14ac:dyDescent="0.45">
      <c r="A20" s="17"/>
      <c r="B20" s="19"/>
      <c r="C20" s="21"/>
      <c r="D20" s="23"/>
      <c r="E20" s="7" t="s">
        <v>13</v>
      </c>
      <c r="F20" s="24"/>
      <c r="G20" s="24"/>
      <c r="H20" s="25"/>
    </row>
    <row r="21" spans="1:8" ht="13.9" customHeight="1" thickBot="1" x14ac:dyDescent="0.45">
      <c r="A21" s="17"/>
      <c r="B21" s="19"/>
      <c r="C21" s="22"/>
      <c r="D21" s="23"/>
      <c r="E21" s="8" t="s">
        <v>14</v>
      </c>
      <c r="F21" s="24"/>
      <c r="G21" s="24"/>
      <c r="H21" s="25"/>
    </row>
    <row r="22" spans="1:8" ht="13.9" customHeight="1" thickBot="1" x14ac:dyDescent="0.45">
      <c r="A22" s="17">
        <v>7</v>
      </c>
      <c r="B22" s="18">
        <v>44595</v>
      </c>
      <c r="C22" s="20" t="s">
        <v>20</v>
      </c>
      <c r="D22" s="23" t="s">
        <v>11</v>
      </c>
      <c r="E22" s="6" t="s">
        <v>12</v>
      </c>
      <c r="F22" s="24"/>
      <c r="G22" s="24"/>
      <c r="H22" s="25"/>
    </row>
    <row r="23" spans="1:8" ht="13.9" customHeight="1" thickBot="1" x14ac:dyDescent="0.45">
      <c r="A23" s="17"/>
      <c r="B23" s="19"/>
      <c r="C23" s="21"/>
      <c r="D23" s="23"/>
      <c r="E23" s="7" t="s">
        <v>13</v>
      </c>
      <c r="F23" s="24"/>
      <c r="G23" s="24"/>
      <c r="H23" s="25"/>
    </row>
    <row r="24" spans="1:8" ht="13.9" customHeight="1" thickBot="1" x14ac:dyDescent="0.45">
      <c r="A24" s="17"/>
      <c r="B24" s="19"/>
      <c r="C24" s="22"/>
      <c r="D24" s="23"/>
      <c r="E24" s="8" t="s">
        <v>14</v>
      </c>
      <c r="F24" s="24"/>
      <c r="G24" s="24"/>
      <c r="H24" s="25"/>
    </row>
    <row r="25" spans="1:8" ht="13.9" customHeight="1" thickBot="1" x14ac:dyDescent="0.45">
      <c r="A25" s="17" t="s">
        <v>21</v>
      </c>
      <c r="B25" s="18">
        <v>44596</v>
      </c>
      <c r="C25" s="20" t="s">
        <v>10</v>
      </c>
      <c r="D25" s="23" t="s">
        <v>11</v>
      </c>
      <c r="E25" s="6" t="s">
        <v>12</v>
      </c>
      <c r="F25" s="24"/>
      <c r="G25" s="24"/>
      <c r="H25" s="25"/>
    </row>
    <row r="26" spans="1:8" ht="13.9" customHeight="1" thickBot="1" x14ac:dyDescent="0.45">
      <c r="A26" s="17"/>
      <c r="B26" s="19"/>
      <c r="C26" s="21"/>
      <c r="D26" s="23"/>
      <c r="E26" s="7" t="s">
        <v>13</v>
      </c>
      <c r="F26" s="24"/>
      <c r="G26" s="24"/>
      <c r="H26" s="25"/>
    </row>
    <row r="27" spans="1:8" ht="13.9" customHeight="1" thickBot="1" x14ac:dyDescent="0.45">
      <c r="A27" s="17"/>
      <c r="B27" s="19"/>
      <c r="C27" s="22"/>
      <c r="D27" s="23"/>
      <c r="E27" s="8" t="s">
        <v>14</v>
      </c>
      <c r="F27" s="24"/>
      <c r="G27" s="24"/>
      <c r="H27" s="25"/>
    </row>
    <row r="28" spans="1:8" ht="16.149999999999999" customHeight="1" x14ac:dyDescent="0.4">
      <c r="A28" s="9" t="s">
        <v>22</v>
      </c>
      <c r="B28" s="10" t="s">
        <v>23</v>
      </c>
    </row>
    <row r="29" spans="1:8" ht="16.149999999999999" customHeight="1" x14ac:dyDescent="0.4">
      <c r="B29" s="10" t="s">
        <v>24</v>
      </c>
    </row>
    <row r="30" spans="1:8" ht="16.149999999999999" customHeight="1" x14ac:dyDescent="0.4">
      <c r="B30" s="10" t="s">
        <v>25</v>
      </c>
    </row>
  </sheetData>
  <mergeCells count="57">
    <mergeCell ref="H22:H24"/>
    <mergeCell ref="A25:A27"/>
    <mergeCell ref="B25:B27"/>
    <mergeCell ref="C25:C27"/>
    <mergeCell ref="D25:D27"/>
    <mergeCell ref="F25:F27"/>
    <mergeCell ref="G25:G27"/>
    <mergeCell ref="H25:H27"/>
    <mergeCell ref="A22:A24"/>
    <mergeCell ref="B22:B24"/>
    <mergeCell ref="C22:C24"/>
    <mergeCell ref="D22:D24"/>
    <mergeCell ref="F22:F24"/>
    <mergeCell ref="G22:G24"/>
    <mergeCell ref="H16:H18"/>
    <mergeCell ref="A19:A21"/>
    <mergeCell ref="B19:B21"/>
    <mergeCell ref="C19:C21"/>
    <mergeCell ref="D19:D21"/>
    <mergeCell ref="F19:F21"/>
    <mergeCell ref="G19:G21"/>
    <mergeCell ref="H19:H21"/>
    <mergeCell ref="A16:A18"/>
    <mergeCell ref="B16:B18"/>
    <mergeCell ref="C16:C18"/>
    <mergeCell ref="D16:D18"/>
    <mergeCell ref="F16:F18"/>
    <mergeCell ref="G16:G18"/>
    <mergeCell ref="H10:H12"/>
    <mergeCell ref="A13:A15"/>
    <mergeCell ref="B13:B15"/>
    <mergeCell ref="C13:C15"/>
    <mergeCell ref="D13:D15"/>
    <mergeCell ref="F13:F15"/>
    <mergeCell ref="G13:G15"/>
    <mergeCell ref="H13:H15"/>
    <mergeCell ref="A10:A12"/>
    <mergeCell ref="B10:B12"/>
    <mergeCell ref="C10:C12"/>
    <mergeCell ref="D10:D12"/>
    <mergeCell ref="F10:F12"/>
    <mergeCell ref="G10:G12"/>
    <mergeCell ref="G4:G6"/>
    <mergeCell ref="H4:H6"/>
    <mergeCell ref="A7:A9"/>
    <mergeCell ref="B7:B9"/>
    <mergeCell ref="C7:C9"/>
    <mergeCell ref="D7:D9"/>
    <mergeCell ref="F7:F9"/>
    <mergeCell ref="G7:G9"/>
    <mergeCell ref="H7:H9"/>
    <mergeCell ref="F4:F6"/>
    <mergeCell ref="C1:E1"/>
    <mergeCell ref="A4:A6"/>
    <mergeCell ref="B4:B6"/>
    <mergeCell ref="C4:C6"/>
    <mergeCell ref="D4:D6"/>
  </mergeCells>
  <phoneticPr fontId="7"/>
  <pageMargins left="0.31388888888888899" right="0.31388888888888899" top="0.35416666666666702" bottom="0.35416666666666702" header="0.31388888888888899" footer="0.31388888888888899"/>
  <pageSetup paperSize="9" orientation="landscape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30"/>
  <sheetViews>
    <sheetView topLeftCell="A12" workbookViewId="0">
      <selection activeCell="K21" sqref="K21"/>
    </sheetView>
  </sheetViews>
  <sheetFormatPr defaultColWidth="9" defaultRowHeight="18.75" x14ac:dyDescent="0.4"/>
  <cols>
    <col min="1" max="1" width="5.125" customWidth="1"/>
    <col min="2" max="2" width="12" customWidth="1"/>
    <col min="3" max="3" width="6.5" customWidth="1"/>
    <col min="5" max="5" width="41.125" customWidth="1"/>
    <col min="6" max="7" width="15" customWidth="1"/>
    <col min="8" max="8" width="19.875" customWidth="1"/>
  </cols>
  <sheetData>
    <row r="1" spans="1:8" ht="24" customHeight="1" x14ac:dyDescent="0.4">
      <c r="A1" s="11" t="s">
        <v>0</v>
      </c>
      <c r="C1" s="15" t="s">
        <v>1</v>
      </c>
      <c r="D1" s="16"/>
      <c r="E1" s="16"/>
    </row>
    <row r="2" spans="1:8" ht="25.15" customHeight="1" thickBot="1" x14ac:dyDescent="0.45">
      <c r="C2" s="1" t="s">
        <v>2</v>
      </c>
    </row>
    <row r="3" spans="1:8" ht="15" customHeight="1" thickBot="1" x14ac:dyDescent="0.45">
      <c r="A3" s="13"/>
      <c r="B3" s="3" t="s">
        <v>3</v>
      </c>
      <c r="C3" s="3" t="s">
        <v>4</v>
      </c>
      <c r="D3" s="3" t="s">
        <v>5</v>
      </c>
      <c r="E3" s="4" t="s">
        <v>6</v>
      </c>
      <c r="F3" s="4" t="s">
        <v>7</v>
      </c>
      <c r="G3" s="4" t="s">
        <v>8</v>
      </c>
      <c r="H3" s="5" t="s">
        <v>9</v>
      </c>
    </row>
    <row r="4" spans="1:8" ht="13.9" customHeight="1" thickBot="1" x14ac:dyDescent="0.45">
      <c r="A4" s="17">
        <v>1</v>
      </c>
      <c r="B4" s="18">
        <v>44604</v>
      </c>
      <c r="C4" s="20" t="s">
        <v>29</v>
      </c>
      <c r="D4" s="23" t="s">
        <v>11</v>
      </c>
      <c r="E4" s="6" t="s">
        <v>12</v>
      </c>
      <c r="F4" s="24"/>
      <c r="G4" s="24"/>
      <c r="H4" s="25"/>
    </row>
    <row r="5" spans="1:8" ht="13.9" customHeight="1" thickBot="1" x14ac:dyDescent="0.45">
      <c r="A5" s="17"/>
      <c r="B5" s="19"/>
      <c r="C5" s="21"/>
      <c r="D5" s="23"/>
      <c r="E5" s="7" t="s">
        <v>13</v>
      </c>
      <c r="F5" s="24"/>
      <c r="G5" s="24"/>
      <c r="H5" s="25"/>
    </row>
    <row r="6" spans="1:8" ht="13.9" customHeight="1" thickBot="1" x14ac:dyDescent="0.45">
      <c r="A6" s="17"/>
      <c r="B6" s="19"/>
      <c r="C6" s="22"/>
      <c r="D6" s="23"/>
      <c r="E6" s="8" t="s">
        <v>14</v>
      </c>
      <c r="F6" s="24"/>
      <c r="G6" s="24"/>
      <c r="H6" s="25"/>
    </row>
    <row r="7" spans="1:8" ht="13.9" customHeight="1" thickBot="1" x14ac:dyDescent="0.45">
      <c r="A7" s="17">
        <v>2</v>
      </c>
      <c r="B7" s="18">
        <v>44605</v>
      </c>
      <c r="C7" s="20" t="s">
        <v>16</v>
      </c>
      <c r="D7" s="23" t="s">
        <v>11</v>
      </c>
      <c r="E7" s="6" t="s">
        <v>12</v>
      </c>
      <c r="F7" s="24"/>
      <c r="G7" s="24"/>
      <c r="H7" s="25"/>
    </row>
    <row r="8" spans="1:8" ht="13.9" customHeight="1" thickBot="1" x14ac:dyDescent="0.45">
      <c r="A8" s="17"/>
      <c r="B8" s="19"/>
      <c r="C8" s="21"/>
      <c r="D8" s="23"/>
      <c r="E8" s="7" t="s">
        <v>13</v>
      </c>
      <c r="F8" s="24"/>
      <c r="G8" s="24"/>
      <c r="H8" s="25"/>
    </row>
    <row r="9" spans="1:8" ht="13.9" customHeight="1" thickBot="1" x14ac:dyDescent="0.45">
      <c r="A9" s="17"/>
      <c r="B9" s="19"/>
      <c r="C9" s="22"/>
      <c r="D9" s="23"/>
      <c r="E9" s="8" t="s">
        <v>14</v>
      </c>
      <c r="F9" s="24"/>
      <c r="G9" s="24"/>
      <c r="H9" s="25"/>
    </row>
    <row r="10" spans="1:8" ht="13.9" customHeight="1" thickBot="1" x14ac:dyDescent="0.45">
      <c r="A10" s="17">
        <v>3</v>
      </c>
      <c r="B10" s="18">
        <v>44606</v>
      </c>
      <c r="C10" s="20" t="s">
        <v>17</v>
      </c>
      <c r="D10" s="23" t="s">
        <v>11</v>
      </c>
      <c r="E10" s="6" t="s">
        <v>12</v>
      </c>
      <c r="F10" s="24"/>
      <c r="G10" s="24"/>
      <c r="H10" s="25"/>
    </row>
    <row r="11" spans="1:8" ht="13.9" customHeight="1" thickBot="1" x14ac:dyDescent="0.45">
      <c r="A11" s="17"/>
      <c r="B11" s="19"/>
      <c r="C11" s="21"/>
      <c r="D11" s="23"/>
      <c r="E11" s="7" t="s">
        <v>13</v>
      </c>
      <c r="F11" s="24"/>
      <c r="G11" s="24"/>
      <c r="H11" s="25"/>
    </row>
    <row r="12" spans="1:8" ht="13.9" customHeight="1" thickBot="1" x14ac:dyDescent="0.45">
      <c r="A12" s="17"/>
      <c r="B12" s="19"/>
      <c r="C12" s="22"/>
      <c r="D12" s="23"/>
      <c r="E12" s="8" t="s">
        <v>14</v>
      </c>
      <c r="F12" s="24"/>
      <c r="G12" s="24"/>
      <c r="H12" s="25"/>
    </row>
    <row r="13" spans="1:8" ht="13.9" customHeight="1" thickBot="1" x14ac:dyDescent="0.45">
      <c r="A13" s="17">
        <v>4</v>
      </c>
      <c r="B13" s="18">
        <v>44607</v>
      </c>
      <c r="C13" s="20" t="s">
        <v>18</v>
      </c>
      <c r="D13" s="23" t="s">
        <v>11</v>
      </c>
      <c r="E13" s="6" t="s">
        <v>12</v>
      </c>
      <c r="F13" s="24"/>
      <c r="G13" s="24"/>
      <c r="H13" s="25"/>
    </row>
    <row r="14" spans="1:8" ht="13.9" customHeight="1" thickBot="1" x14ac:dyDescent="0.45">
      <c r="A14" s="17"/>
      <c r="B14" s="19"/>
      <c r="C14" s="21"/>
      <c r="D14" s="23"/>
      <c r="E14" s="7" t="s">
        <v>13</v>
      </c>
      <c r="F14" s="24"/>
      <c r="G14" s="24"/>
      <c r="H14" s="25"/>
    </row>
    <row r="15" spans="1:8" ht="13.9" customHeight="1" thickBot="1" x14ac:dyDescent="0.45">
      <c r="A15" s="17"/>
      <c r="B15" s="19"/>
      <c r="C15" s="22"/>
      <c r="D15" s="23"/>
      <c r="E15" s="8" t="s">
        <v>14</v>
      </c>
      <c r="F15" s="24"/>
      <c r="G15" s="24"/>
      <c r="H15" s="25"/>
    </row>
    <row r="16" spans="1:8" ht="13.9" customHeight="1" thickBot="1" x14ac:dyDescent="0.45">
      <c r="A16" s="17">
        <v>5</v>
      </c>
      <c r="B16" s="18">
        <v>44608</v>
      </c>
      <c r="C16" s="20" t="s">
        <v>19</v>
      </c>
      <c r="D16" s="23" t="s">
        <v>11</v>
      </c>
      <c r="E16" s="6" t="s">
        <v>12</v>
      </c>
      <c r="F16" s="24"/>
      <c r="G16" s="24"/>
      <c r="H16" s="25"/>
    </row>
    <row r="17" spans="1:8" ht="13.9" customHeight="1" thickBot="1" x14ac:dyDescent="0.45">
      <c r="A17" s="17"/>
      <c r="B17" s="19"/>
      <c r="C17" s="21"/>
      <c r="D17" s="23"/>
      <c r="E17" s="7" t="s">
        <v>13</v>
      </c>
      <c r="F17" s="24"/>
      <c r="G17" s="24"/>
      <c r="H17" s="25"/>
    </row>
    <row r="18" spans="1:8" ht="13.9" customHeight="1" thickBot="1" x14ac:dyDescent="0.45">
      <c r="A18" s="17"/>
      <c r="B18" s="19"/>
      <c r="C18" s="22"/>
      <c r="D18" s="23"/>
      <c r="E18" s="8" t="s">
        <v>14</v>
      </c>
      <c r="F18" s="24"/>
      <c r="G18" s="24"/>
      <c r="H18" s="25"/>
    </row>
    <row r="19" spans="1:8" ht="13.9" customHeight="1" thickBot="1" x14ac:dyDescent="0.45">
      <c r="A19" s="17">
        <v>6</v>
      </c>
      <c r="B19" s="18">
        <v>44609</v>
      </c>
      <c r="C19" s="20" t="s">
        <v>20</v>
      </c>
      <c r="D19" s="23" t="s">
        <v>11</v>
      </c>
      <c r="E19" s="6" t="s">
        <v>12</v>
      </c>
      <c r="F19" s="24"/>
      <c r="G19" s="24"/>
      <c r="H19" s="25"/>
    </row>
    <row r="20" spans="1:8" ht="13.9" customHeight="1" thickBot="1" x14ac:dyDescent="0.45">
      <c r="A20" s="17"/>
      <c r="B20" s="19"/>
      <c r="C20" s="21"/>
      <c r="D20" s="23"/>
      <c r="E20" s="7" t="s">
        <v>13</v>
      </c>
      <c r="F20" s="24"/>
      <c r="G20" s="24"/>
      <c r="H20" s="25"/>
    </row>
    <row r="21" spans="1:8" ht="13.9" customHeight="1" thickBot="1" x14ac:dyDescent="0.45">
      <c r="A21" s="17"/>
      <c r="B21" s="19"/>
      <c r="C21" s="22"/>
      <c r="D21" s="23"/>
      <c r="E21" s="8" t="s">
        <v>14</v>
      </c>
      <c r="F21" s="24"/>
      <c r="G21" s="24"/>
      <c r="H21" s="25"/>
    </row>
    <row r="22" spans="1:8" ht="13.9" customHeight="1" thickBot="1" x14ac:dyDescent="0.45">
      <c r="A22" s="17">
        <v>7</v>
      </c>
      <c r="B22" s="18">
        <v>44610</v>
      </c>
      <c r="C22" s="20" t="s">
        <v>10</v>
      </c>
      <c r="D22" s="23" t="s">
        <v>11</v>
      </c>
      <c r="E22" s="6" t="s">
        <v>12</v>
      </c>
      <c r="F22" s="24"/>
      <c r="G22" s="24"/>
      <c r="H22" s="25"/>
    </row>
    <row r="23" spans="1:8" ht="13.9" customHeight="1" thickBot="1" x14ac:dyDescent="0.45">
      <c r="A23" s="17"/>
      <c r="B23" s="19"/>
      <c r="C23" s="21"/>
      <c r="D23" s="23"/>
      <c r="E23" s="7" t="s">
        <v>13</v>
      </c>
      <c r="F23" s="24"/>
      <c r="G23" s="24"/>
      <c r="H23" s="25"/>
    </row>
    <row r="24" spans="1:8" ht="13.9" customHeight="1" thickBot="1" x14ac:dyDescent="0.45">
      <c r="A24" s="17"/>
      <c r="B24" s="19"/>
      <c r="C24" s="22"/>
      <c r="D24" s="23"/>
      <c r="E24" s="8" t="s">
        <v>14</v>
      </c>
      <c r="F24" s="24"/>
      <c r="G24" s="24"/>
      <c r="H24" s="25"/>
    </row>
    <row r="25" spans="1:8" ht="13.9" customHeight="1" thickBot="1" x14ac:dyDescent="0.45">
      <c r="A25" s="17" t="s">
        <v>21</v>
      </c>
      <c r="B25" s="18">
        <v>44611</v>
      </c>
      <c r="C25" s="20" t="s">
        <v>15</v>
      </c>
      <c r="D25" s="23" t="s">
        <v>11</v>
      </c>
      <c r="E25" s="6" t="s">
        <v>12</v>
      </c>
      <c r="F25" s="24"/>
      <c r="G25" s="24"/>
      <c r="H25" s="25"/>
    </row>
    <row r="26" spans="1:8" ht="13.9" customHeight="1" thickBot="1" x14ac:dyDescent="0.45">
      <c r="A26" s="17"/>
      <c r="B26" s="19"/>
      <c r="C26" s="21"/>
      <c r="D26" s="23"/>
      <c r="E26" s="7" t="s">
        <v>13</v>
      </c>
      <c r="F26" s="24"/>
      <c r="G26" s="24"/>
      <c r="H26" s="25"/>
    </row>
    <row r="27" spans="1:8" ht="13.9" customHeight="1" thickBot="1" x14ac:dyDescent="0.45">
      <c r="A27" s="17"/>
      <c r="B27" s="19"/>
      <c r="C27" s="22"/>
      <c r="D27" s="23"/>
      <c r="E27" s="8" t="s">
        <v>14</v>
      </c>
      <c r="F27" s="24"/>
      <c r="G27" s="24"/>
      <c r="H27" s="25"/>
    </row>
    <row r="28" spans="1:8" ht="16.149999999999999" customHeight="1" x14ac:dyDescent="0.4">
      <c r="A28" s="9" t="s">
        <v>22</v>
      </c>
      <c r="B28" s="10" t="s">
        <v>23</v>
      </c>
    </row>
    <row r="29" spans="1:8" ht="16.149999999999999" customHeight="1" x14ac:dyDescent="0.4">
      <c r="B29" s="10" t="s">
        <v>24</v>
      </c>
    </row>
    <row r="30" spans="1:8" ht="16.149999999999999" customHeight="1" x14ac:dyDescent="0.4">
      <c r="B30" s="10" t="s">
        <v>25</v>
      </c>
    </row>
  </sheetData>
  <mergeCells count="57">
    <mergeCell ref="H22:H24"/>
    <mergeCell ref="A25:A27"/>
    <mergeCell ref="B25:B27"/>
    <mergeCell ref="C25:C27"/>
    <mergeCell ref="D25:D27"/>
    <mergeCell ref="F25:F27"/>
    <mergeCell ref="G25:G27"/>
    <mergeCell ref="H25:H27"/>
    <mergeCell ref="A22:A24"/>
    <mergeCell ref="B22:B24"/>
    <mergeCell ref="C22:C24"/>
    <mergeCell ref="D22:D24"/>
    <mergeCell ref="F22:F24"/>
    <mergeCell ref="G22:G24"/>
    <mergeCell ref="H16:H18"/>
    <mergeCell ref="A19:A21"/>
    <mergeCell ref="B19:B21"/>
    <mergeCell ref="C19:C21"/>
    <mergeCell ref="D19:D21"/>
    <mergeCell ref="F19:F21"/>
    <mergeCell ref="G19:G21"/>
    <mergeCell ref="H19:H21"/>
    <mergeCell ref="A16:A18"/>
    <mergeCell ref="B16:B18"/>
    <mergeCell ref="C16:C18"/>
    <mergeCell ref="D16:D18"/>
    <mergeCell ref="F16:F18"/>
    <mergeCell ref="G16:G18"/>
    <mergeCell ref="H10:H12"/>
    <mergeCell ref="A13:A15"/>
    <mergeCell ref="B13:B15"/>
    <mergeCell ref="C13:C15"/>
    <mergeCell ref="D13:D15"/>
    <mergeCell ref="F13:F15"/>
    <mergeCell ref="G13:G15"/>
    <mergeCell ref="H13:H15"/>
    <mergeCell ref="A10:A12"/>
    <mergeCell ref="B10:B12"/>
    <mergeCell ref="C10:C12"/>
    <mergeCell ref="D10:D12"/>
    <mergeCell ref="F10:F12"/>
    <mergeCell ref="G10:G12"/>
    <mergeCell ref="G4:G6"/>
    <mergeCell ref="H4:H6"/>
    <mergeCell ref="A7:A9"/>
    <mergeCell ref="B7:B9"/>
    <mergeCell ref="C7:C9"/>
    <mergeCell ref="D7:D9"/>
    <mergeCell ref="F7:F9"/>
    <mergeCell ref="G7:G9"/>
    <mergeCell ref="H7:H9"/>
    <mergeCell ref="F4:F6"/>
    <mergeCell ref="C1:E1"/>
    <mergeCell ref="A4:A6"/>
    <mergeCell ref="B4:B6"/>
    <mergeCell ref="C4:C6"/>
    <mergeCell ref="D4:D6"/>
  </mergeCells>
  <phoneticPr fontId="7"/>
  <pageMargins left="0.31388888888888899" right="0.31388888888888899" top="0.35416666666666702" bottom="0.35416666666666702" header="0.31388888888888899" footer="0.31388888888888899"/>
  <pageSetup paperSize="9" orientation="landscape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30"/>
  <sheetViews>
    <sheetView tabSelected="1" workbookViewId="0">
      <selection activeCell="J10" sqref="J10"/>
    </sheetView>
  </sheetViews>
  <sheetFormatPr defaultColWidth="9" defaultRowHeight="18.75" x14ac:dyDescent="0.4"/>
  <cols>
    <col min="1" max="1" width="5.125" customWidth="1"/>
    <col min="2" max="2" width="12" customWidth="1"/>
    <col min="3" max="3" width="6.5" customWidth="1"/>
    <col min="5" max="5" width="41.125" customWidth="1"/>
    <col min="6" max="7" width="15" customWidth="1"/>
    <col min="8" max="8" width="19.875" customWidth="1"/>
  </cols>
  <sheetData>
    <row r="1" spans="1:8" ht="24" customHeight="1" x14ac:dyDescent="0.4">
      <c r="A1" s="11" t="s">
        <v>0</v>
      </c>
      <c r="C1" s="15" t="s">
        <v>1</v>
      </c>
      <c r="D1" s="16"/>
      <c r="E1" s="16"/>
    </row>
    <row r="2" spans="1:8" ht="25.15" customHeight="1" thickBot="1" x14ac:dyDescent="0.45">
      <c r="C2" s="1" t="s">
        <v>2</v>
      </c>
    </row>
    <row r="3" spans="1:8" ht="15" customHeight="1" thickBot="1" x14ac:dyDescent="0.45">
      <c r="A3" s="13"/>
      <c r="B3" s="3" t="s">
        <v>3</v>
      </c>
      <c r="C3" s="3" t="s">
        <v>4</v>
      </c>
      <c r="D3" s="3" t="s">
        <v>5</v>
      </c>
      <c r="E3" s="4" t="s">
        <v>6</v>
      </c>
      <c r="F3" s="4" t="s">
        <v>7</v>
      </c>
      <c r="G3" s="4" t="s">
        <v>8</v>
      </c>
      <c r="H3" s="5" t="s">
        <v>9</v>
      </c>
    </row>
    <row r="4" spans="1:8" ht="13.9" customHeight="1" thickBot="1" x14ac:dyDescent="0.45">
      <c r="A4" s="17">
        <v>1</v>
      </c>
      <c r="B4" s="18">
        <v>44246</v>
      </c>
      <c r="C4" s="20" t="s">
        <v>29</v>
      </c>
      <c r="D4" s="23" t="s">
        <v>11</v>
      </c>
      <c r="E4" s="6" t="s">
        <v>12</v>
      </c>
      <c r="F4" s="24"/>
      <c r="G4" s="24"/>
      <c r="H4" s="25"/>
    </row>
    <row r="5" spans="1:8" ht="13.9" customHeight="1" thickBot="1" x14ac:dyDescent="0.45">
      <c r="A5" s="17"/>
      <c r="B5" s="19"/>
      <c r="C5" s="21"/>
      <c r="D5" s="23"/>
      <c r="E5" s="7" t="s">
        <v>13</v>
      </c>
      <c r="F5" s="24"/>
      <c r="G5" s="24"/>
      <c r="H5" s="25"/>
    </row>
    <row r="6" spans="1:8" ht="13.9" customHeight="1" thickBot="1" x14ac:dyDescent="0.45">
      <c r="A6" s="17"/>
      <c r="B6" s="19"/>
      <c r="C6" s="22"/>
      <c r="D6" s="23"/>
      <c r="E6" s="8" t="s">
        <v>14</v>
      </c>
      <c r="F6" s="24"/>
      <c r="G6" s="24"/>
      <c r="H6" s="25"/>
    </row>
    <row r="7" spans="1:8" ht="13.9" customHeight="1" thickBot="1" x14ac:dyDescent="0.45">
      <c r="A7" s="17">
        <v>2</v>
      </c>
      <c r="B7" s="18">
        <v>44247</v>
      </c>
      <c r="C7" s="20" t="s">
        <v>16</v>
      </c>
      <c r="D7" s="23" t="s">
        <v>11</v>
      </c>
      <c r="E7" s="6" t="s">
        <v>12</v>
      </c>
      <c r="F7" s="24"/>
      <c r="G7" s="24"/>
      <c r="H7" s="25"/>
    </row>
    <row r="8" spans="1:8" ht="13.9" customHeight="1" thickBot="1" x14ac:dyDescent="0.45">
      <c r="A8" s="17"/>
      <c r="B8" s="19"/>
      <c r="C8" s="21"/>
      <c r="D8" s="23"/>
      <c r="E8" s="7" t="s">
        <v>13</v>
      </c>
      <c r="F8" s="24"/>
      <c r="G8" s="24"/>
      <c r="H8" s="25"/>
    </row>
    <row r="9" spans="1:8" ht="13.9" customHeight="1" thickBot="1" x14ac:dyDescent="0.45">
      <c r="A9" s="17"/>
      <c r="B9" s="19"/>
      <c r="C9" s="22"/>
      <c r="D9" s="23"/>
      <c r="E9" s="8" t="s">
        <v>14</v>
      </c>
      <c r="F9" s="24"/>
      <c r="G9" s="24"/>
      <c r="H9" s="25"/>
    </row>
    <row r="10" spans="1:8" ht="13.9" customHeight="1" thickBot="1" x14ac:dyDescent="0.45">
      <c r="A10" s="17">
        <v>3</v>
      </c>
      <c r="B10" s="18">
        <v>44248</v>
      </c>
      <c r="C10" s="20" t="s">
        <v>17</v>
      </c>
      <c r="D10" s="23" t="s">
        <v>11</v>
      </c>
      <c r="E10" s="6" t="s">
        <v>12</v>
      </c>
      <c r="F10" s="24"/>
      <c r="G10" s="24"/>
      <c r="H10" s="25"/>
    </row>
    <row r="11" spans="1:8" ht="13.9" customHeight="1" thickBot="1" x14ac:dyDescent="0.45">
      <c r="A11" s="17"/>
      <c r="B11" s="19"/>
      <c r="C11" s="21"/>
      <c r="D11" s="23"/>
      <c r="E11" s="7" t="s">
        <v>13</v>
      </c>
      <c r="F11" s="24"/>
      <c r="G11" s="24"/>
      <c r="H11" s="25"/>
    </row>
    <row r="12" spans="1:8" ht="13.9" customHeight="1" thickBot="1" x14ac:dyDescent="0.45">
      <c r="A12" s="17"/>
      <c r="B12" s="19"/>
      <c r="C12" s="22"/>
      <c r="D12" s="23"/>
      <c r="E12" s="8" t="s">
        <v>14</v>
      </c>
      <c r="F12" s="24"/>
      <c r="G12" s="24"/>
      <c r="H12" s="25"/>
    </row>
    <row r="13" spans="1:8" ht="13.9" customHeight="1" thickBot="1" x14ac:dyDescent="0.45">
      <c r="A13" s="17">
        <v>4</v>
      </c>
      <c r="B13" s="18">
        <v>44249</v>
      </c>
      <c r="C13" s="20" t="s">
        <v>18</v>
      </c>
      <c r="D13" s="23" t="s">
        <v>11</v>
      </c>
      <c r="E13" s="6" t="s">
        <v>12</v>
      </c>
      <c r="F13" s="24"/>
      <c r="G13" s="24"/>
      <c r="H13" s="25"/>
    </row>
    <row r="14" spans="1:8" ht="13.9" customHeight="1" thickBot="1" x14ac:dyDescent="0.45">
      <c r="A14" s="17"/>
      <c r="B14" s="19"/>
      <c r="C14" s="21"/>
      <c r="D14" s="23"/>
      <c r="E14" s="7" t="s">
        <v>13</v>
      </c>
      <c r="F14" s="24"/>
      <c r="G14" s="24"/>
      <c r="H14" s="25"/>
    </row>
    <row r="15" spans="1:8" ht="13.9" customHeight="1" thickBot="1" x14ac:dyDescent="0.45">
      <c r="A15" s="17"/>
      <c r="B15" s="19"/>
      <c r="C15" s="22"/>
      <c r="D15" s="23"/>
      <c r="E15" s="8" t="s">
        <v>14</v>
      </c>
      <c r="F15" s="24"/>
      <c r="G15" s="24"/>
      <c r="H15" s="25"/>
    </row>
    <row r="16" spans="1:8" ht="13.9" customHeight="1" thickBot="1" x14ac:dyDescent="0.45">
      <c r="A16" s="17">
        <v>5</v>
      </c>
      <c r="B16" s="18">
        <v>44250</v>
      </c>
      <c r="C16" s="20" t="s">
        <v>19</v>
      </c>
      <c r="D16" s="23" t="s">
        <v>11</v>
      </c>
      <c r="E16" s="6" t="s">
        <v>12</v>
      </c>
      <c r="F16" s="24"/>
      <c r="G16" s="24"/>
      <c r="H16" s="25"/>
    </row>
    <row r="17" spans="1:8" ht="13.9" customHeight="1" thickBot="1" x14ac:dyDescent="0.45">
      <c r="A17" s="17"/>
      <c r="B17" s="19"/>
      <c r="C17" s="21"/>
      <c r="D17" s="23"/>
      <c r="E17" s="7" t="s">
        <v>13</v>
      </c>
      <c r="F17" s="24"/>
      <c r="G17" s="24"/>
      <c r="H17" s="25"/>
    </row>
    <row r="18" spans="1:8" ht="13.9" customHeight="1" thickBot="1" x14ac:dyDescent="0.45">
      <c r="A18" s="17"/>
      <c r="B18" s="19"/>
      <c r="C18" s="22"/>
      <c r="D18" s="23"/>
      <c r="E18" s="8" t="s">
        <v>14</v>
      </c>
      <c r="F18" s="24"/>
      <c r="G18" s="24"/>
      <c r="H18" s="25"/>
    </row>
    <row r="19" spans="1:8" ht="13.9" customHeight="1" thickBot="1" x14ac:dyDescent="0.45">
      <c r="A19" s="17">
        <v>6</v>
      </c>
      <c r="B19" s="18">
        <v>44251</v>
      </c>
      <c r="C19" s="20" t="s">
        <v>20</v>
      </c>
      <c r="D19" s="23" t="s">
        <v>11</v>
      </c>
      <c r="E19" s="6" t="s">
        <v>12</v>
      </c>
      <c r="F19" s="24"/>
      <c r="G19" s="24"/>
      <c r="H19" s="25"/>
    </row>
    <row r="20" spans="1:8" ht="13.9" customHeight="1" thickBot="1" x14ac:dyDescent="0.45">
      <c r="A20" s="17"/>
      <c r="B20" s="19"/>
      <c r="C20" s="21"/>
      <c r="D20" s="23"/>
      <c r="E20" s="7" t="s">
        <v>13</v>
      </c>
      <c r="F20" s="24"/>
      <c r="G20" s="24"/>
      <c r="H20" s="25"/>
    </row>
    <row r="21" spans="1:8" ht="13.9" customHeight="1" thickBot="1" x14ac:dyDescent="0.45">
      <c r="A21" s="17"/>
      <c r="B21" s="19"/>
      <c r="C21" s="22"/>
      <c r="D21" s="23"/>
      <c r="E21" s="8" t="s">
        <v>14</v>
      </c>
      <c r="F21" s="24"/>
      <c r="G21" s="24"/>
      <c r="H21" s="25"/>
    </row>
    <row r="22" spans="1:8" ht="13.9" customHeight="1" thickBot="1" x14ac:dyDescent="0.45">
      <c r="A22" s="17">
        <v>7</v>
      </c>
      <c r="B22" s="18">
        <v>44252</v>
      </c>
      <c r="C22" s="20" t="s">
        <v>10</v>
      </c>
      <c r="D22" s="23" t="s">
        <v>11</v>
      </c>
      <c r="E22" s="6" t="s">
        <v>12</v>
      </c>
      <c r="F22" s="24"/>
      <c r="G22" s="24"/>
      <c r="H22" s="25"/>
    </row>
    <row r="23" spans="1:8" ht="13.9" customHeight="1" thickBot="1" x14ac:dyDescent="0.45">
      <c r="A23" s="17"/>
      <c r="B23" s="19"/>
      <c r="C23" s="21"/>
      <c r="D23" s="23"/>
      <c r="E23" s="7" t="s">
        <v>13</v>
      </c>
      <c r="F23" s="24"/>
      <c r="G23" s="24"/>
      <c r="H23" s="25"/>
    </row>
    <row r="24" spans="1:8" ht="13.9" customHeight="1" thickBot="1" x14ac:dyDescent="0.45">
      <c r="A24" s="17"/>
      <c r="B24" s="19"/>
      <c r="C24" s="22"/>
      <c r="D24" s="23"/>
      <c r="E24" s="8" t="s">
        <v>14</v>
      </c>
      <c r="F24" s="24"/>
      <c r="G24" s="24"/>
      <c r="H24" s="25"/>
    </row>
    <row r="25" spans="1:8" ht="13.9" customHeight="1" thickBot="1" x14ac:dyDescent="0.45">
      <c r="A25" s="17" t="s">
        <v>21</v>
      </c>
      <c r="B25" s="18">
        <v>44253</v>
      </c>
      <c r="C25" s="20" t="s">
        <v>15</v>
      </c>
      <c r="D25" s="23" t="s">
        <v>11</v>
      </c>
      <c r="E25" s="6" t="s">
        <v>12</v>
      </c>
      <c r="F25" s="24"/>
      <c r="G25" s="24"/>
      <c r="H25" s="25"/>
    </row>
    <row r="26" spans="1:8" ht="13.9" customHeight="1" thickBot="1" x14ac:dyDescent="0.45">
      <c r="A26" s="17"/>
      <c r="B26" s="19"/>
      <c r="C26" s="21"/>
      <c r="D26" s="23"/>
      <c r="E26" s="7" t="s">
        <v>13</v>
      </c>
      <c r="F26" s="24"/>
      <c r="G26" s="24"/>
      <c r="H26" s="25"/>
    </row>
    <row r="27" spans="1:8" ht="13.9" customHeight="1" thickBot="1" x14ac:dyDescent="0.45">
      <c r="A27" s="17"/>
      <c r="B27" s="19"/>
      <c r="C27" s="22"/>
      <c r="D27" s="23"/>
      <c r="E27" s="8" t="s">
        <v>14</v>
      </c>
      <c r="F27" s="24"/>
      <c r="G27" s="24"/>
      <c r="H27" s="25"/>
    </row>
    <row r="28" spans="1:8" ht="16.149999999999999" customHeight="1" x14ac:dyDescent="0.4">
      <c r="A28" s="9" t="s">
        <v>22</v>
      </c>
      <c r="B28" s="10" t="s">
        <v>23</v>
      </c>
    </row>
    <row r="29" spans="1:8" ht="16.149999999999999" customHeight="1" x14ac:dyDescent="0.4">
      <c r="B29" s="10" t="s">
        <v>24</v>
      </c>
    </row>
    <row r="30" spans="1:8" ht="16.149999999999999" customHeight="1" x14ac:dyDescent="0.4">
      <c r="B30" s="10" t="s">
        <v>25</v>
      </c>
    </row>
  </sheetData>
  <mergeCells count="57">
    <mergeCell ref="H22:H24"/>
    <mergeCell ref="A25:A27"/>
    <mergeCell ref="B25:B27"/>
    <mergeCell ref="C25:C27"/>
    <mergeCell ref="D25:D27"/>
    <mergeCell ref="F25:F27"/>
    <mergeCell ref="G25:G27"/>
    <mergeCell ref="H25:H27"/>
    <mergeCell ref="A22:A24"/>
    <mergeCell ref="B22:B24"/>
    <mergeCell ref="C22:C24"/>
    <mergeCell ref="D22:D24"/>
    <mergeCell ref="F22:F24"/>
    <mergeCell ref="G22:G24"/>
    <mergeCell ref="H16:H18"/>
    <mergeCell ref="A19:A21"/>
    <mergeCell ref="B19:B21"/>
    <mergeCell ref="C19:C21"/>
    <mergeCell ref="D19:D21"/>
    <mergeCell ref="F19:F21"/>
    <mergeCell ref="G19:G21"/>
    <mergeCell ref="H19:H21"/>
    <mergeCell ref="A16:A18"/>
    <mergeCell ref="B16:B18"/>
    <mergeCell ref="C16:C18"/>
    <mergeCell ref="D16:D18"/>
    <mergeCell ref="F16:F18"/>
    <mergeCell ref="G16:G18"/>
    <mergeCell ref="H10:H12"/>
    <mergeCell ref="A13:A15"/>
    <mergeCell ref="B13:B15"/>
    <mergeCell ref="C13:C15"/>
    <mergeCell ref="D13:D15"/>
    <mergeCell ref="F13:F15"/>
    <mergeCell ref="G13:G15"/>
    <mergeCell ref="H13:H15"/>
    <mergeCell ref="A10:A12"/>
    <mergeCell ref="B10:B12"/>
    <mergeCell ref="C10:C12"/>
    <mergeCell ref="D10:D12"/>
    <mergeCell ref="F10:F12"/>
    <mergeCell ref="G10:G12"/>
    <mergeCell ref="G4:G6"/>
    <mergeCell ref="H4:H6"/>
    <mergeCell ref="A7:A9"/>
    <mergeCell ref="B7:B9"/>
    <mergeCell ref="C7:C9"/>
    <mergeCell ref="D7:D9"/>
    <mergeCell ref="F7:F9"/>
    <mergeCell ref="G7:G9"/>
    <mergeCell ref="H7:H9"/>
    <mergeCell ref="F4:F6"/>
    <mergeCell ref="C1:E1"/>
    <mergeCell ref="A4:A6"/>
    <mergeCell ref="B4:B6"/>
    <mergeCell ref="C4:C6"/>
    <mergeCell ref="D4:D6"/>
  </mergeCells>
  <phoneticPr fontId="7"/>
  <pageMargins left="0.31388888888888899" right="0.31388888888888899" top="0.35416666666666702" bottom="0.35416666666666702" header="0.31388888888888899" footer="0.31388888888888899"/>
  <pageSetup paperSize="9" orientation="landscape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8</vt:i4>
      </vt:variant>
    </vt:vector>
  </HeadingPairs>
  <TitlesOfParts>
    <vt:vector size="8" baseType="lpstr">
      <vt:lpstr>11月19日</vt:lpstr>
      <vt:lpstr>11月26日</vt:lpstr>
      <vt:lpstr>12月3日</vt:lpstr>
      <vt:lpstr>12月18日 </vt:lpstr>
      <vt:lpstr>1月7日 </vt:lpstr>
      <vt:lpstr>2月4日 </vt:lpstr>
      <vt:lpstr>2月19日 </vt:lpstr>
      <vt:lpstr>2月26日 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owner</dc:creator>
  <cp:lastModifiedBy>s6105399</cp:lastModifiedBy>
  <cp:lastPrinted>2021-11-26T21:42:52Z</cp:lastPrinted>
  <dcterms:created xsi:type="dcterms:W3CDTF">2020-07-14T05:42:00Z</dcterms:created>
  <dcterms:modified xsi:type="dcterms:W3CDTF">2022-10-02T21:32:55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KSOProductBuildVer">
    <vt:lpwstr>1041-10.8.0.6186</vt:lpwstr>
  </property>
</Properties>
</file>